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tm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9"/>
  </p:notesMasterIdLst>
  <p:handoutMasterIdLst>
    <p:handoutMasterId r:id="rId40"/>
  </p:handoutMasterIdLst>
  <p:sldIdLst>
    <p:sldId id="256" r:id="rId8"/>
    <p:sldId id="313" r:id="rId9"/>
    <p:sldId id="288" r:id="rId10"/>
    <p:sldId id="308" r:id="rId11"/>
    <p:sldId id="324" r:id="rId12"/>
    <p:sldId id="309" r:id="rId13"/>
    <p:sldId id="310" r:id="rId14"/>
    <p:sldId id="321" r:id="rId15"/>
    <p:sldId id="293" r:id="rId16"/>
    <p:sldId id="295" r:id="rId17"/>
    <p:sldId id="312" r:id="rId18"/>
    <p:sldId id="317" r:id="rId19"/>
    <p:sldId id="319" r:id="rId20"/>
    <p:sldId id="320" r:id="rId21"/>
    <p:sldId id="314" r:id="rId22"/>
    <p:sldId id="304" r:id="rId23"/>
    <p:sldId id="296" r:id="rId24"/>
    <p:sldId id="305" r:id="rId25"/>
    <p:sldId id="306" r:id="rId26"/>
    <p:sldId id="300" r:id="rId27"/>
    <p:sldId id="301" r:id="rId28"/>
    <p:sldId id="307" r:id="rId29"/>
    <p:sldId id="302" r:id="rId30"/>
    <p:sldId id="303" r:id="rId31"/>
    <p:sldId id="297" r:id="rId32"/>
    <p:sldId id="311" r:id="rId33"/>
    <p:sldId id="318" r:id="rId34"/>
    <p:sldId id="323" r:id="rId35"/>
    <p:sldId id="315" r:id="rId36"/>
    <p:sldId id="322" r:id="rId37"/>
    <p:sldId id="325" r:id="rId38"/>
  </p:sldIdLst>
  <p:sldSz cx="12190413" cy="6858000"/>
  <p:notesSz cx="6858000" cy="9144000"/>
  <p:custDataLst>
    <p:tags r:id="rId4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838" autoAdjust="0"/>
    <p:restoredTop sz="96098" autoAdjust="0"/>
  </p:normalViewPr>
  <p:slideViewPr>
    <p:cSldViewPr showGuides="1">
      <p:cViewPr varScale="1">
        <p:scale>
          <a:sx n="126" d="100"/>
          <a:sy n="126" d="100"/>
        </p:scale>
        <p:origin x="341" y="8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slide" Target="slides/slide3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slide" Target="slides/slide30.xml"/><Relationship Id="rId40" Type="http://schemas.openxmlformats.org/officeDocument/2006/relationships/handoutMaster" Target="handoutMasters/handoutMaster1.xml"/><Relationship Id="rId45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emf"/><Relationship Id="rId2" Type="http://schemas.openxmlformats.org/officeDocument/2006/relationships/image" Target="../media/image15.emf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7.emf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7.png"/><Relationship Id="rId3" Type="http://schemas.openxmlformats.org/officeDocument/2006/relationships/image" Target="../media/image11.tmp"/><Relationship Id="rId7" Type="http://schemas.openxmlformats.org/officeDocument/2006/relationships/image" Target="../media/image36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5.png"/><Relationship Id="rId5" Type="http://schemas.openxmlformats.org/officeDocument/2006/relationships/image" Target="../media/image34.png"/><Relationship Id="rId4" Type="http://schemas.openxmlformats.org/officeDocument/2006/relationships/image" Target="../media/image3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emf"/><Relationship Id="rId2" Type="http://schemas.openxmlformats.org/officeDocument/2006/relationships/image" Target="../media/image18.emf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tmp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1.tmp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emf"/><Relationship Id="rId2" Type="http://schemas.openxmlformats.org/officeDocument/2006/relationships/image" Target="../media/image20.tmp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44.png"/><Relationship Id="rId4" Type="http://schemas.openxmlformats.org/officeDocument/2006/relationships/image" Target="../media/image43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tmp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43.png"/><Relationship Id="rId4" Type="http://schemas.openxmlformats.org/officeDocument/2006/relationships/image" Target="../media/image21.emf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2.tmp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8.tmp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jpeg"/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Relationship Id="rId4" Type="http://schemas.openxmlformats.org/officeDocument/2006/relationships/hyperlink" Target="mailto:wali@dtu.dk" TargetMode="Externa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emf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3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5.png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0.emf"/><Relationship Id="rId4" Type="http://schemas.openxmlformats.org/officeDocument/2006/relationships/image" Target="../media/image32.emf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2" Type="http://schemas.openxmlformats.org/officeDocument/2006/relationships/image" Target="../media/image33.emf"/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39.emf"/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emf"/><Relationship Id="rId2" Type="http://schemas.openxmlformats.org/officeDocument/2006/relationships/image" Target="../media/image41.tmp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3.emf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6.png"/><Relationship Id="rId7" Type="http://schemas.openxmlformats.org/officeDocument/2006/relationships/image" Target="../media/image70.png"/><Relationship Id="rId2" Type="http://schemas.openxmlformats.org/officeDocument/2006/relationships/image" Target="../media/image44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9.png"/><Relationship Id="rId5" Type="http://schemas.openxmlformats.org/officeDocument/2006/relationships/image" Target="../media/image68.png"/><Relationship Id="rId4" Type="http://schemas.openxmlformats.org/officeDocument/2006/relationships/image" Target="../media/image67.pn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2.png"/><Relationship Id="rId2" Type="http://schemas.openxmlformats.org/officeDocument/2006/relationships/image" Target="../media/image7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6.tmp"/><Relationship Id="rId5" Type="http://schemas.openxmlformats.org/officeDocument/2006/relationships/image" Target="../media/image45.tmp"/><Relationship Id="rId4" Type="http://schemas.openxmlformats.org/officeDocument/2006/relationships/image" Target="../media/image73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image" Target="../media/image2.jpg"/><Relationship Id="rId7" Type="http://schemas.openxmlformats.org/officeDocument/2006/relationships/image" Target="../media/image6.png"/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8.tmp"/><Relationship Id="rId2" Type="http://schemas.openxmlformats.org/officeDocument/2006/relationships/image" Target="../media/image47.tmp"/><Relationship Id="rId1" Type="http://schemas.openxmlformats.org/officeDocument/2006/relationships/slideLayout" Target="../slideLayouts/slideLayout3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1.png"/><Relationship Id="rId5" Type="http://schemas.openxmlformats.org/officeDocument/2006/relationships/image" Target="../media/image9.png"/><Relationship Id="rId4" Type="http://schemas.openxmlformats.org/officeDocument/2006/relationships/image" Target="../media/image3.emf"/><Relationship Id="rId9" Type="http://schemas.openxmlformats.org/officeDocument/2006/relationships/image" Target="../media/image14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1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tmp"/><Relationship Id="rId7" Type="http://schemas.openxmlformats.org/officeDocument/2006/relationships/image" Target="../media/image26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5.png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13.tmp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tmp"/><Relationship Id="rId7" Type="http://schemas.openxmlformats.org/officeDocument/2006/relationships/image" Target="../media/image60.png"/><Relationship Id="rId2" Type="http://schemas.openxmlformats.org/officeDocument/2006/relationships/image" Target="../media/image14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0.png"/><Relationship Id="rId5" Type="http://schemas.openxmlformats.org/officeDocument/2006/relationships/image" Target="../media/image41.png"/><Relationship Id="rId4" Type="http://schemas.openxmlformats.org/officeDocument/2006/relationships/image" Target="../media/image3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12CC59-53BC-42B2-8617-26A129190C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: Transition Strateg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70B8F2-BB19-4416-B4D5-74792D16A9E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omparison between DTU Controller and NREL Controller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0584243-3632-4D15-B2CA-3279EA1F775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5" name="Rektangel 15">
            <a:extLst>
              <a:ext uri="{FF2B5EF4-FFF2-40B4-BE49-F238E27FC236}">
                <a16:creationId xmlns:a16="http://schemas.microsoft.com/office/drawing/2014/main" id="{72198F69-E69E-47D3-BBA5-AE69EA8EB812}"/>
              </a:ext>
            </a:extLst>
          </p:cNvPr>
          <p:cNvSpPr/>
          <p:nvPr/>
        </p:nvSpPr>
        <p:spPr bwMode="auto">
          <a:xfrm>
            <a:off x="731497" y="3645024"/>
            <a:ext cx="10656388" cy="1901066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</a:t>
            </a:r>
            <a:r>
              <a:rPr lang="en-US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omparison between DTU Controller and NREL Controller</a:t>
            </a:r>
            <a:endParaRPr kumimoji="0" lang="en-GB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Open Part_6.m</a:t>
            </a:r>
            <a:endParaRPr kumimoji="0" lang="en-GB" sz="1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un the script to perform a step wind speed simulation. What do you see?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Perform a turbulent wind simulation (</a:t>
            </a:r>
            <a:r>
              <a:rPr lang="en-US" sz="18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wind_no</a:t>
            </a: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 = 3). Which one generates more energy? How about the tower loads (displacement)?</a:t>
            </a:r>
            <a:endParaRPr lang="en-GB" sz="180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4136283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4BF9B6E6-FCAD-4C06-9ACD-D34D8CD7FE8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104606" y="3699445"/>
            <a:ext cx="3644140" cy="2733105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5317A5-D9E9-488B-94BF-CCA2255336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892C32C9-D44C-408F-B1E5-060D5CAE5F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825" y="425450"/>
            <a:ext cx="9312275" cy="973138"/>
          </a:xfrm>
        </p:spPr>
        <p:txBody>
          <a:bodyPr/>
          <a:lstStyle/>
          <a:p>
            <a:r>
              <a:rPr lang="en-GB" dirty="0"/>
              <a:t>Exercise: Transition Strategy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7F9CAFB-92AE-4EB2-8995-EA5CC3ADD9F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16066" y="3769995"/>
            <a:ext cx="3644139" cy="2733104"/>
          </a:xfrm>
          <a:prstGeom prst="rect">
            <a:avLst/>
          </a:prstGeom>
        </p:spPr>
      </p:pic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3510CB4D-91DF-4155-A99F-FF2FB2CA3B76}"/>
              </a:ext>
            </a:extLst>
          </p:cNvPr>
          <p:cNvSpPr/>
          <p:nvPr/>
        </p:nvSpPr>
        <p:spPr bwMode="auto">
          <a:xfrm>
            <a:off x="9222637" y="4495800"/>
            <a:ext cx="2209800" cy="83820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TU: 1.1903MWh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NREL: 1.1716MWh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2C9C8867-8552-45BA-9B81-DFBCEB543924}"/>
              </a:ext>
            </a:extLst>
          </p:cNvPr>
          <p:cNvSpPr/>
          <p:nvPr/>
        </p:nvSpPr>
        <p:spPr bwMode="auto">
          <a:xfrm>
            <a:off x="7162006" y="5146072"/>
            <a:ext cx="1303397" cy="4572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EDAAE7B5-EA37-4EF9-A751-DCC5EF16642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99835" y="1398588"/>
            <a:ext cx="3276600" cy="2457450"/>
          </a:xfrm>
          <a:prstGeom prst="rect">
            <a:avLst/>
          </a:prstGeom>
        </p:spPr>
      </p:pic>
      <p:sp>
        <p:nvSpPr>
          <p:cNvPr id="13" name="Oval 12">
            <a:extLst>
              <a:ext uri="{FF2B5EF4-FFF2-40B4-BE49-F238E27FC236}">
                <a16:creationId xmlns:a16="http://schemas.microsoft.com/office/drawing/2014/main" id="{1D2C2F26-2161-411A-8C8E-D38D2DD3FFF0}"/>
              </a:ext>
            </a:extLst>
          </p:cNvPr>
          <p:cNvSpPr/>
          <p:nvPr/>
        </p:nvSpPr>
        <p:spPr bwMode="auto">
          <a:xfrm>
            <a:off x="1980406" y="1718469"/>
            <a:ext cx="762000" cy="415131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9F1A02C2-007B-4421-A9DA-17AFEB9DF98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88376" y="1336250"/>
            <a:ext cx="3328110" cy="2496083"/>
          </a:xfrm>
          <a:prstGeom prst="rect">
            <a:avLst/>
          </a:prstGeom>
        </p:spPr>
      </p:pic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2B1341C3-B768-43B7-AB0E-B1E082BE1DCA}"/>
              </a:ext>
            </a:extLst>
          </p:cNvPr>
          <p:cNvCxnSpPr/>
          <p:nvPr/>
        </p:nvCxnSpPr>
        <p:spPr bwMode="auto">
          <a:xfrm>
            <a:off x="989806" y="3769995"/>
            <a:ext cx="8763000" cy="6233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29316678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05837B-143F-49AB-8E25-529DD524C9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orque Limit</a:t>
            </a:r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9DD27613-C305-48CC-A246-EA8E96807699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635849" y="1676400"/>
                <a:ext cx="9312374" cy="4545578"/>
              </a:xfrm>
            </p:spPr>
            <p:txBody>
              <a:bodyPr/>
              <a:lstStyle/>
              <a:p>
                <a:r>
                  <a:rPr lang="en-US" dirty="0"/>
                  <a:t>What if we le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opt</m:t>
                        </m:r>
                      </m:sub>
                    </m:sSub>
                    <m:sSup>
                      <m:sSup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0" dirty="0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r>
                      <a:rPr lang="en-US" i="1" dirty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US" dirty="0"/>
                  <a:t>run longer?</a:t>
                </a:r>
              </a:p>
              <a:p>
                <a:pPr lvl="1"/>
                <a:r>
                  <a:rPr lang="en-US" dirty="0"/>
                  <a:t>Can we get more power?</a:t>
                </a:r>
              </a:p>
              <a:p>
                <a:endParaRPr lang="en-US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𝑚𝑖𝑛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1</m:t>
                        </m:r>
                      </m:sub>
                    </m:sSub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𝑚𝑖𝑛</m:t>
                        </m:r>
                      </m:sub>
                    </m:sSub>
                  </m:oMath>
                </a14:m>
                <a:endParaRPr lang="en-GB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𝑚𝑖𝑛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2</m:t>
                        </m:r>
                      </m:sub>
                    </m:sSub>
                    <m:r>
                      <a:rPr lang="en-US" i="1" dirty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𝑚𝑖𝑛</m:t>
                        </m:r>
                      </m:sub>
                    </m:sSub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/</m:t>
                    </m:r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𝛾</m:t>
                    </m:r>
                  </m:oMath>
                </a14:m>
                <a:endParaRPr lang="en-GB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𝑚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𝑎𝑥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1</m:t>
                        </m:r>
                      </m:sub>
                    </m:sSub>
                    <m:r>
                      <a:rPr lang="en-US" i="1" dirty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2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𝛾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−1</m:t>
                        </m:r>
                      </m:e>
                    </m:d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𝑟𝑎𝑡𝑒𝑑</m:t>
                        </m:r>
                      </m:sub>
                    </m:sSub>
                  </m:oMath>
                </a14:m>
                <a:endParaRPr lang="en-US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𝑚𝑎𝑥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  <m:r>
                      <a:rPr lang="en-US" i="1" dirty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𝛾</m:t>
                        </m:r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𝑟𝑎𝑡𝑒𝑑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 </m:t>
                        </m:r>
                      </m:sub>
                    </m:sSub>
                  </m:oMath>
                </a14:m>
                <a:endParaRPr lang="en-GB" dirty="0"/>
              </a:p>
              <a:p>
                <a:endParaRPr lang="en-GB" dirty="0"/>
              </a:p>
              <a:p>
                <a:r>
                  <a:rPr lang="en-GB" dirty="0"/>
                  <a:t>By default, the opening of torque limit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𝛾</m:t>
                    </m:r>
                  </m:oMath>
                </a14:m>
                <a:r>
                  <a:rPr lang="en-GB" dirty="0"/>
                  <a:t> is set to 0.95.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9DD27613-C305-48CC-A246-EA8E96807699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635849" y="1676400"/>
                <a:ext cx="9312374" cy="4545578"/>
              </a:xfrm>
              <a:blipFill>
                <a:blip r:embed="rId2"/>
                <a:stretch>
                  <a:fillRect l="-1440" t="-160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9D12540-66F7-4E13-8E23-EDC5A03FF62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5" name="Picture 4" descr="Chart, line chart&#10;&#10;Description automatically generated">
            <a:extLst>
              <a:ext uri="{FF2B5EF4-FFF2-40B4-BE49-F238E27FC236}">
                <a16:creationId xmlns:a16="http://schemas.microsoft.com/office/drawing/2014/main" id="{A8AA48B6-E5A9-4D05-A5A6-2CD9E55E7C2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7834" y="2397098"/>
            <a:ext cx="4451372" cy="2266686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D1E517B2-A3D4-4244-9B5D-6DA4D0CA247E}"/>
              </a:ext>
            </a:extLst>
          </p:cNvPr>
          <p:cNvSpPr txBox="1"/>
          <p:nvPr/>
        </p:nvSpPr>
        <p:spPr>
          <a:xfrm>
            <a:off x="8767349" y="1947996"/>
            <a:ext cx="1675139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DTU: PI with limits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22618A95-D072-4CC8-AA2A-9DB9D3B802FA}"/>
              </a:ext>
            </a:extLst>
          </p:cNvPr>
          <p:cNvSpPr/>
          <p:nvPr/>
        </p:nvSpPr>
        <p:spPr bwMode="auto">
          <a:xfrm>
            <a:off x="10667206" y="2380455"/>
            <a:ext cx="1211012" cy="667545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94E7F184-CE2A-4824-ACE0-0ADFC59F3146}"/>
              </a:ext>
            </a:extLst>
          </p:cNvPr>
          <p:cNvSpPr/>
          <p:nvPr/>
        </p:nvSpPr>
        <p:spPr bwMode="auto">
          <a:xfrm>
            <a:off x="7847806" y="3429000"/>
            <a:ext cx="1295400" cy="99060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615A2455-F17A-4243-9A27-02D84B5F1A1B}"/>
                  </a:ext>
                </a:extLst>
              </p:cNvPr>
              <p:cNvSpPr txBox="1"/>
              <p:nvPr/>
            </p:nvSpPr>
            <p:spPr>
              <a:xfrm>
                <a:off x="9762943" y="3293930"/>
                <a:ext cx="679545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615A2455-F17A-4243-9A27-02D84B5F1A1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762943" y="3293930"/>
                <a:ext cx="679545" cy="270139"/>
              </a:xfrm>
              <a:prstGeom prst="rect">
                <a:avLst/>
              </a:prstGeom>
              <a:blipFill>
                <a:blip r:embed="rId4"/>
                <a:stretch>
                  <a:fillRect l="-6306" r="-901" b="-2222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BC769028-D8C0-45EC-84B8-C0656ABA2F69}"/>
              </a:ext>
            </a:extLst>
          </p:cNvPr>
          <p:cNvCxnSpPr>
            <a:cxnSpLocks/>
          </p:cNvCxnSpPr>
          <p:nvPr/>
        </p:nvCxnSpPr>
        <p:spPr bwMode="auto">
          <a:xfrm>
            <a:off x="8990806" y="3509830"/>
            <a:ext cx="0" cy="1214570"/>
          </a:xfrm>
          <a:prstGeom prst="line">
            <a:avLst/>
          </a:prstGeom>
          <a:ln>
            <a:prstDash val="lg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08ACC519-F78A-42F6-B267-874273145E88}"/>
              </a:ext>
            </a:extLst>
          </p:cNvPr>
          <p:cNvCxnSpPr>
            <a:cxnSpLocks/>
          </p:cNvCxnSpPr>
          <p:nvPr/>
        </p:nvCxnSpPr>
        <p:spPr bwMode="auto">
          <a:xfrm>
            <a:off x="10743406" y="2821714"/>
            <a:ext cx="0" cy="1750286"/>
          </a:xfrm>
          <a:prstGeom prst="line">
            <a:avLst/>
          </a:prstGeom>
          <a:ln>
            <a:prstDash val="lg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0E1E91A2-25D4-471E-8D82-DA44FEB3B905}"/>
                  </a:ext>
                </a:extLst>
              </p:cNvPr>
              <p:cNvSpPr txBox="1"/>
              <p:nvPr/>
            </p:nvSpPr>
            <p:spPr>
              <a:xfrm>
                <a:off x="8388967" y="4456682"/>
                <a:ext cx="615425" cy="25699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𝑖𝑛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1</m:t>
                          </m:r>
                        </m:sub>
                      </m:sSub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0E1E91A2-25D4-471E-8D82-DA44FEB3B90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88967" y="4456682"/>
                <a:ext cx="615425" cy="256993"/>
              </a:xfrm>
              <a:prstGeom prst="rect">
                <a:avLst/>
              </a:prstGeom>
              <a:blipFill>
                <a:blip r:embed="rId5"/>
                <a:stretch>
                  <a:fillRect l="-5941" r="-990" b="-1428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8C26AF11-CE20-40F4-9108-2029223A860D}"/>
                  </a:ext>
                </a:extLst>
              </p:cNvPr>
              <p:cNvSpPr/>
              <p:nvPr/>
            </p:nvSpPr>
            <p:spPr>
              <a:xfrm>
                <a:off x="8735947" y="4739985"/>
                <a:ext cx="814518" cy="34932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𝑖𝑛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2</m:t>
                          </m:r>
                        </m:sub>
                      </m:sSub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8C26AF11-CE20-40F4-9108-2029223A860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735947" y="4739985"/>
                <a:ext cx="814518" cy="349326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21FA4D65-796D-4CC8-ABA4-990464D0691C}"/>
                  </a:ext>
                </a:extLst>
              </p:cNvPr>
              <p:cNvSpPr/>
              <p:nvPr/>
            </p:nvSpPr>
            <p:spPr>
              <a:xfrm>
                <a:off x="10818035" y="4321419"/>
                <a:ext cx="880113" cy="34932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2 </m:t>
                          </m:r>
                        </m:sub>
                      </m:sSub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21FA4D65-796D-4CC8-ABA4-990464D0691C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818035" y="4321419"/>
                <a:ext cx="880113" cy="349326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46931095-43D9-4F67-9C4A-46933BB58644}"/>
                  </a:ext>
                </a:extLst>
              </p:cNvPr>
              <p:cNvSpPr/>
              <p:nvPr/>
            </p:nvSpPr>
            <p:spPr>
              <a:xfrm>
                <a:off x="10404498" y="4514067"/>
                <a:ext cx="880113" cy="34932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1 </m:t>
                          </m:r>
                        </m:sub>
                      </m:sSub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46931095-43D9-4F67-9C4A-46933BB58644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404498" y="4514067"/>
                <a:ext cx="880113" cy="349326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688BEADB-EF91-4010-B881-4B5FC011C130}"/>
              </a:ext>
            </a:extLst>
          </p:cNvPr>
          <p:cNvCxnSpPr>
            <a:cxnSpLocks/>
          </p:cNvCxnSpPr>
          <p:nvPr/>
        </p:nvCxnSpPr>
        <p:spPr bwMode="auto">
          <a:xfrm>
            <a:off x="11078686" y="2526624"/>
            <a:ext cx="0" cy="1750286"/>
          </a:xfrm>
          <a:prstGeom prst="line">
            <a:avLst/>
          </a:prstGeom>
          <a:ln>
            <a:prstDash val="lg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6168895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11AACA-3061-4FAE-9106-7C496A39F2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orque Limit: Step wind</a:t>
            </a:r>
            <a:endParaRPr lang="en-GB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F9CB521E-0479-4C6B-8592-1468BC5A497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80206" y="1394225"/>
            <a:ext cx="5806956" cy="6271840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95B53F-791C-4E00-A879-AB4872162E4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011111D-EC98-4DC9-B2EF-7D98278D151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76006" y="1470482"/>
            <a:ext cx="5638800" cy="612394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04CDCD2-D974-4B33-A137-C01893B527F8}"/>
              </a:ext>
            </a:extLst>
          </p:cNvPr>
          <p:cNvSpPr txBox="1"/>
          <p:nvPr/>
        </p:nvSpPr>
        <p:spPr>
          <a:xfrm>
            <a:off x="9829006" y="2819400"/>
            <a:ext cx="2110834" cy="113877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Baseline: 0.6717 MWh</a:t>
            </a:r>
          </a:p>
          <a:p>
            <a:pPr algn="l">
              <a:spcBef>
                <a:spcPts val="432"/>
              </a:spcBef>
            </a:pPr>
            <a:r>
              <a:rPr lang="en-US" dirty="0" err="1">
                <a:latin typeface="+mn-lt"/>
              </a:rPr>
              <a:t>TorqLimit</a:t>
            </a:r>
            <a:r>
              <a:rPr lang="en-US" dirty="0">
                <a:latin typeface="+mn-lt"/>
              </a:rPr>
              <a:t>: 0.6749 MWh</a:t>
            </a: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But high loads</a:t>
            </a:r>
            <a:endParaRPr lang="en-GB" dirty="0" err="1">
              <a:latin typeface="+mn-lt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B4D05CF2-EFFA-43BB-B934-9CFCE2098662}"/>
              </a:ext>
            </a:extLst>
          </p:cNvPr>
          <p:cNvSpPr/>
          <p:nvPr/>
        </p:nvSpPr>
        <p:spPr bwMode="auto">
          <a:xfrm>
            <a:off x="8381206" y="3886200"/>
            <a:ext cx="685800" cy="5334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393C74ED-F468-4BA1-A161-04C4486A4F28}"/>
              </a:ext>
            </a:extLst>
          </p:cNvPr>
          <p:cNvSpPr/>
          <p:nvPr/>
        </p:nvSpPr>
        <p:spPr bwMode="auto">
          <a:xfrm>
            <a:off x="1774726" y="1905000"/>
            <a:ext cx="685800" cy="5334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B05C9E0E-A4F0-4FE3-8DF2-AB084434D922}"/>
              </a:ext>
            </a:extLst>
          </p:cNvPr>
          <p:cNvSpPr/>
          <p:nvPr/>
        </p:nvSpPr>
        <p:spPr bwMode="auto">
          <a:xfrm>
            <a:off x="3840619" y="4152900"/>
            <a:ext cx="685800" cy="5334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9412767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F9567-28CD-4EC3-A52A-248CA6A688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: Torque Limit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3D99E19-C4F6-4835-88CC-D74B8244C6F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501474-A35E-4FC1-B236-42251482BF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5" name="Rektangel 15">
            <a:extLst>
              <a:ext uri="{FF2B5EF4-FFF2-40B4-BE49-F238E27FC236}">
                <a16:creationId xmlns:a16="http://schemas.microsoft.com/office/drawing/2014/main" id="{9956181C-BB03-435B-BD74-C0EF5EED5B28}"/>
              </a:ext>
            </a:extLst>
          </p:cNvPr>
          <p:cNvSpPr/>
          <p:nvPr/>
        </p:nvSpPr>
        <p:spPr bwMode="auto">
          <a:xfrm>
            <a:off x="731497" y="3645024"/>
            <a:ext cx="10656388" cy="1978010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</a:t>
            </a:r>
            <a:r>
              <a:rPr lang="en-US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Torque limit</a:t>
            </a:r>
            <a:endParaRPr kumimoji="0" lang="en-GB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Open Part_8.m</a:t>
            </a:r>
            <a:endParaRPr kumimoji="0" lang="en-GB" sz="1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The code contains two turbulent wind simulation (baseline and torque limit) at v = 12 m/s.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Increase the opening of torque limit to 0.99 at line 50. (Baseline: 0.95). Run the code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Which one generates more energy? How about the tower loads (displacement)?</a:t>
            </a:r>
            <a:endParaRPr lang="en-GB" sz="180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58678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0A5050-D80D-44EE-B30D-EB4F27604B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rt-up and shut-down</a:t>
            </a:r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2EC787A-CE39-4314-A1CF-28EEF5F61333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dirty="0"/>
                  <a:t>During start-up, </a:t>
                </a:r>
              </a:p>
              <a:p>
                <a:pPr lvl="1"/>
                <a:r>
                  <a:rPr lang="en-US" dirty="0"/>
                  <a:t>Generator torqu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US" dirty="0"/>
                  <a:t>: maintains at 0 until the rotor speed reaches its minimum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𝑚𝑖𝑛</m:t>
                        </m:r>
                      </m:sub>
                    </m:sSub>
                  </m:oMath>
                </a14:m>
                <a:endParaRPr lang="en-GB" dirty="0"/>
              </a:p>
              <a:p>
                <a:pPr lvl="1"/>
                <a:r>
                  <a:rPr lang="en-GB" dirty="0"/>
                  <a:t>Pitch angle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Θ</m:t>
                    </m:r>
                  </m:oMath>
                </a14:m>
                <a:r>
                  <a:rPr lang="en-GB" dirty="0"/>
                  <a:t>: maintains at optimal pitch or at some degrees to prevent large thrust.</a:t>
                </a:r>
              </a:p>
              <a:p>
                <a:r>
                  <a:rPr lang="en-GB" dirty="0"/>
                  <a:t>During shut-down,</a:t>
                </a:r>
              </a:p>
              <a:p>
                <a:pPr lvl="1"/>
                <a:r>
                  <a:rPr lang="en-GB" dirty="0"/>
                  <a:t>Generator torqu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i="1" dirty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GB" dirty="0"/>
                  <a:t>: linearly decreases to zero with user-defined time constant</a:t>
                </a:r>
              </a:p>
              <a:p>
                <a:pPr lvl="1"/>
                <a:r>
                  <a:rPr lang="en-GB" dirty="0"/>
                  <a:t>Pitch angle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Θ</m:t>
                    </m:r>
                  </m:oMath>
                </a14:m>
                <a:r>
                  <a:rPr lang="en-GB" dirty="0"/>
                  <a:t>: linearly pitching out with user-defined pitch velocity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2EC787A-CE39-4314-A1CF-28EEF5F61333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3813AB-DA15-4B00-B302-6A7C65CE7D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5" name="Content Placeholder 5" descr="Chart, line chart&#10;&#10;Description automatically generated">
            <a:extLst>
              <a:ext uri="{FF2B5EF4-FFF2-40B4-BE49-F238E27FC236}">
                <a16:creationId xmlns:a16="http://schemas.microsoft.com/office/drawing/2014/main" id="{1B0899EB-827C-41AD-9E1E-44202A7DFBC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695406" y="3776335"/>
            <a:ext cx="4131445" cy="2655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6" name="Picture 5" descr="Chart, line chart&#10;&#10;Description automatically generated">
            <a:extLst>
              <a:ext uri="{FF2B5EF4-FFF2-40B4-BE49-F238E27FC236}">
                <a16:creationId xmlns:a16="http://schemas.microsoft.com/office/drawing/2014/main" id="{F2EEBB4F-897B-420B-B6F1-DE11152D946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75606" y="4148562"/>
            <a:ext cx="4451372" cy="22666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021688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DF3E76-5BA3-4C7D-ACDA-F2931C97D7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amage Equivalent Loads (DEL):</a:t>
            </a:r>
            <a:br>
              <a:rPr lang="en-GB" dirty="0"/>
            </a:br>
            <a:r>
              <a:rPr lang="en-GB" dirty="0"/>
              <a:t>Quantifying damag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D510CB-F573-44A6-83D2-3A7238E655E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46827" y="1628868"/>
            <a:ext cx="6199247" cy="4545578"/>
          </a:xfrm>
        </p:spPr>
        <p:txBody>
          <a:bodyPr/>
          <a:lstStyle/>
          <a:p>
            <a:endParaRPr lang="en-GB" dirty="0"/>
          </a:p>
          <a:p>
            <a:r>
              <a:rPr lang="en-US" i="1" dirty="0"/>
              <a:t>Fatigue: the gradual accumulation of damage through loading cycle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GB" sz="1100" dirty="0">
              <a:solidFill>
                <a:srgbClr val="000000"/>
              </a:solidFill>
              <a:latin typeface="Roboto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GB" sz="1100" dirty="0">
              <a:latin typeface="Roboto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Central damage concept: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Enough load cycles of a certain amplitude cause a part to break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 dirty="0">
              <a:latin typeface="Roboto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Hypothesis: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More load cycles or higher amplitudes cause faster destruction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 dirty="0">
              <a:latin typeface="Roboto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Research question:</a:t>
            </a:r>
          </a:p>
          <a:p>
            <a:pPr marL="501750" lvl="1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What is the relation between the amplitude of the load cycles and the number of cycles to failure?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 dirty="0">
              <a:latin typeface="Roboto"/>
            </a:endParaRPr>
          </a:p>
          <a:p>
            <a:endParaRPr lang="en-US" i="1" dirty="0"/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C9FB3E-7271-4DE6-9F82-F30C940F77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6" name="Picture 5" descr="A picture containing text, person, suit, old&#10;&#10;Description automatically generated">
            <a:extLst>
              <a:ext uri="{FF2B5EF4-FFF2-40B4-BE49-F238E27FC236}">
                <a16:creationId xmlns:a16="http://schemas.microsoft.com/office/drawing/2014/main" id="{AE6B3562-434D-4CCC-ADCD-32EA3F4420B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67782" y="186677"/>
            <a:ext cx="2038635" cy="147658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957B0862-B368-4782-AC87-C573ABBBFFC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81585" y="2484976"/>
            <a:ext cx="4282691" cy="3810000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0F852CC4-1804-48DF-B28C-52832C2A189A}"/>
                  </a:ext>
                </a:extLst>
              </p:cNvPr>
              <p:cNvSpPr/>
              <p:nvPr/>
            </p:nvSpPr>
            <p:spPr>
              <a:xfrm>
                <a:off x="8152606" y="2315699"/>
                <a:ext cx="451855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dirty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latin typeface="Cambria Math" panose="02040503050406030204" pitchFamily="18" charset="0"/>
                            </a:rPr>
                            <m:t>𝑆</m:t>
                          </m:r>
                        </m:e>
                        <m:sub>
                          <m:r>
                            <a:rPr lang="en-US" i="1" dirty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0F852CC4-1804-48DF-B28C-52832C2A189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52606" y="2315699"/>
                <a:ext cx="451855" cy="338554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0" name="Rectangle: Rounded Corners 9">
                <a:extLst>
                  <a:ext uri="{FF2B5EF4-FFF2-40B4-BE49-F238E27FC236}">
                    <a16:creationId xmlns:a16="http://schemas.microsoft.com/office/drawing/2014/main" id="{00008516-8AD7-42D2-8564-B0F1E3EAB700}"/>
                  </a:ext>
                </a:extLst>
              </p:cNvPr>
              <p:cNvSpPr/>
              <p:nvPr/>
            </p:nvSpPr>
            <p:spPr bwMode="auto">
              <a:xfrm>
                <a:off x="7956529" y="5029200"/>
                <a:ext cx="3165262" cy="614914"/>
              </a:xfrm>
              <a:prstGeom prst="roundRect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algn="ctr">
                  <a:spcBef>
                    <a:spcPts val="432"/>
                  </a:spcBef>
                </a:pPr>
                <a:r>
                  <a:rPr lang="en-GB" i="1" dirty="0">
                    <a:solidFill>
                      <a:schemeClr val="bg1"/>
                    </a:solidFill>
                  </a:rPr>
                  <a:t>2 material parameters: </a:t>
                </a:r>
                <a14:m>
                  <m:oMath xmlns:m="http://schemas.openxmlformats.org/officeDocument/2006/math">
                    <m:r>
                      <a:rPr lang="en-US" i="1" dirty="0">
                        <a:solidFill>
                          <a:schemeClr val="bg1"/>
                        </a:solidFill>
                        <a:latin typeface="Cambria Math" panose="02040503050406030204" pitchFamily="18" charset="0"/>
                      </a:rPr>
                      <m:t>𝑚</m:t>
                    </m:r>
                  </m:oMath>
                </a14:m>
                <a:r>
                  <a:rPr lang="en-GB" i="1" dirty="0">
                    <a:solidFill>
                      <a:schemeClr val="bg1"/>
                    </a:solidFill>
                  </a:rPr>
                  <a:t>(slope) 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𝑆</m:t>
                        </m:r>
                      </m:e>
                      <m:sub>
                        <m:r>
                          <a:rPr lang="en-US" i="1" dirty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i="1" dirty="0">
                    <a:solidFill>
                      <a:schemeClr val="bg1"/>
                    </a:solidFill>
                  </a:rPr>
                  <a:t>(intercept)</a:t>
                </a:r>
                <a:endParaRPr lang="en-GB" dirty="0">
                  <a:solidFill>
                    <a:schemeClr val="bg1"/>
                  </a:solidFill>
                </a:endParaRPr>
              </a:p>
            </p:txBody>
          </p:sp>
        </mc:Choice>
        <mc:Fallback xmlns="">
          <p:sp>
            <p:nvSpPr>
              <p:cNvPr id="10" name="Rectangle: Rounded Corners 9">
                <a:extLst>
                  <a:ext uri="{FF2B5EF4-FFF2-40B4-BE49-F238E27FC236}">
                    <a16:creationId xmlns:a16="http://schemas.microsoft.com/office/drawing/2014/main" id="{00008516-8AD7-42D2-8564-B0F1E3EAB700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956529" y="5029200"/>
                <a:ext cx="3165262" cy="614914"/>
              </a:xfrm>
              <a:prstGeom prst="roundRect">
                <a:avLst/>
              </a:prstGeom>
              <a:blipFill>
                <a:blip r:embed="rId5"/>
                <a:stretch>
                  <a:fillRect b="-8738"/>
                </a:stretch>
              </a:blipFill>
              <a:ln w="9525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51786098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 xmlns:a14="http://schemas.microsoft.com/office/drawing/2010/main">
        <mc:Choice Requires="a14">
          <p:sp>
            <p:nvSpPr>
              <p:cNvPr id="10" name="Content Placeholder 9">
                <a:extLst>
                  <a:ext uri="{FF2B5EF4-FFF2-40B4-BE49-F238E27FC236}">
                    <a16:creationId xmlns:a16="http://schemas.microsoft.com/office/drawing/2014/main" id="{FBF255C5-6701-478D-A1D1-8DB380F1B250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599406" y="1663258"/>
                <a:ext cx="6056953" cy="4545578"/>
              </a:xfrm>
            </p:spPr>
            <p:txBody>
              <a:bodyPr/>
              <a:lstStyle/>
              <a:p>
                <a:r>
                  <a:rPr lang="en-GB" dirty="0"/>
                  <a:t>SN curve: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𝑁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f>
                              <m:f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fPr>
                              <m:num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  <m:t>0</m:t>
                                    </m:r>
                                  </m:sub>
                                </m:sSub>
                              </m:num>
                              <m:den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𝑆</m:t>
                                </m:r>
                              </m:den>
                            </m:f>
                          </m:e>
                        </m:d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𝑚</m:t>
                        </m:r>
                      </m:sup>
                    </m:sSup>
                  </m:oMath>
                </a14:m>
                <a:endParaRPr lang="en-GB" dirty="0"/>
              </a:p>
              <a:p>
                <a:pPr lvl="1"/>
                <a:endParaRPr lang="en-GB" dirty="0"/>
              </a:p>
              <a:p>
                <a:r>
                  <a:rPr lang="en-GB" dirty="0"/>
                  <a:t>Consider load amplitud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 dirty="0" smtClean="0">
                            <a:latin typeface="Cambria Math" panose="02040503050406030204" pitchFamily="18" charset="0"/>
                          </a:rPr>
                          <m:t>𝑆</m:t>
                        </m:r>
                      </m:e>
                      <m:sub>
                        <m:r>
                          <a:rPr lang="en-GB" i="1" dirty="0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GB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GB" dirty="0"/>
                  <a:t>that occur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 dirty="0" smtClean="0">
                            <a:latin typeface="Cambria Math" panose="02040503050406030204" pitchFamily="18" charset="0"/>
                          </a:rPr>
                          <m:t>𝑛</m:t>
                        </m:r>
                      </m:e>
                      <m:sub>
                        <m:r>
                          <a:rPr lang="en-GB" i="1" dirty="0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GB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GB" dirty="0"/>
                  <a:t>times. The accumulated damage is:</a:t>
                </a:r>
              </a:p>
              <a:p>
                <a:pPr lvl="1"/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𝐷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</m:num>
                      <m:den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𝑁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</m:den>
                    </m:f>
                  </m:oMath>
                </a14:m>
                <a:endParaRPr lang="en-US" dirty="0"/>
              </a:p>
              <a:p>
                <a:r>
                  <a:rPr lang="en-GB" dirty="0"/>
                  <a:t>Equivalently,</a:t>
                </a:r>
              </a:p>
              <a:p>
                <a:pPr lvl="1"/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𝐷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0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den>
                    </m:f>
                  </m:oMath>
                </a14:m>
                <a:endParaRPr lang="en-GB" dirty="0"/>
              </a:p>
            </p:txBody>
          </p:sp>
        </mc:Choice>
        <mc:Fallback xmlns="">
          <p:sp>
            <p:nvSpPr>
              <p:cNvPr id="10" name="Content Placeholder 9">
                <a:extLst>
                  <a:ext uri="{FF2B5EF4-FFF2-40B4-BE49-F238E27FC236}">
                    <a16:creationId xmlns:a16="http://schemas.microsoft.com/office/drawing/2014/main" id="{FBF255C5-6701-478D-A1D1-8DB380F1B250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599406" y="1663258"/>
                <a:ext cx="6056953" cy="4545578"/>
              </a:xfrm>
              <a:blipFill>
                <a:blip r:embed="rId2"/>
                <a:stretch>
                  <a:fillRect l="-2113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" name="Title 1">
            <a:extLst>
              <a:ext uri="{FF2B5EF4-FFF2-40B4-BE49-F238E27FC236}">
                <a16:creationId xmlns:a16="http://schemas.microsoft.com/office/drawing/2014/main" id="{0FDF3E76-5BA3-4C7D-ACDA-F2931C97D7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amage Equivalent Loads (DEL):</a:t>
            </a:r>
            <a:br>
              <a:rPr lang="en-GB" dirty="0"/>
            </a:br>
            <a:r>
              <a:rPr lang="en-GB" dirty="0"/>
              <a:t>Cycles and damag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C9FB3E-7271-4DE6-9F82-F30C940F77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6" name="Picture 5" descr="A picture containing text, person, suit, old&#10;&#10;Description automatically generated">
            <a:extLst>
              <a:ext uri="{FF2B5EF4-FFF2-40B4-BE49-F238E27FC236}">
                <a16:creationId xmlns:a16="http://schemas.microsoft.com/office/drawing/2014/main" id="{AE6B3562-434D-4CCC-ADCD-32EA3F4420B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67782" y="186677"/>
            <a:ext cx="2038635" cy="1476581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70A56CE-6FAD-49D8-908F-6BE1221E7455}"/>
              </a:ext>
            </a:extLst>
          </p:cNvPr>
          <p:cNvSpPr txBox="1"/>
          <p:nvPr/>
        </p:nvSpPr>
        <p:spPr>
          <a:xfrm>
            <a:off x="5330533" y="5194742"/>
            <a:ext cx="304800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i="1" dirty="0">
                <a:latin typeface="+mn-lt"/>
              </a:rPr>
              <a:t>We assume m=4 for metals, m=10 for composites.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2F0F2E3-7312-4699-9F8F-027B5265100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56359" y="2451189"/>
            <a:ext cx="4282691" cy="3810000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6E61916D-253D-4D63-A350-7409AE70D7E1}"/>
                  </a:ext>
                </a:extLst>
              </p:cNvPr>
              <p:cNvSpPr/>
              <p:nvPr/>
            </p:nvSpPr>
            <p:spPr>
              <a:xfrm>
                <a:off x="8152606" y="2315699"/>
                <a:ext cx="451855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dirty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latin typeface="Cambria Math" panose="02040503050406030204" pitchFamily="18" charset="0"/>
                            </a:rPr>
                            <m:t>𝑆</m:t>
                          </m:r>
                        </m:e>
                        <m:sub>
                          <m:r>
                            <a:rPr lang="en-US" i="1" dirty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6E61916D-253D-4D63-A350-7409AE70D7E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52606" y="2315699"/>
                <a:ext cx="451855" cy="338554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9C4EDC08-6C29-4321-BC2A-4533CE473C97}"/>
              </a:ext>
            </a:extLst>
          </p:cNvPr>
          <p:cNvSpPr/>
          <p:nvPr/>
        </p:nvSpPr>
        <p:spPr bwMode="auto">
          <a:xfrm>
            <a:off x="1448054" y="5517163"/>
            <a:ext cx="3124199" cy="679824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r>
              <a:rPr lang="en-US" i="1" dirty="0">
                <a:solidFill>
                  <a:schemeClr val="bg1"/>
                </a:solidFill>
              </a:rPr>
              <a:t>Given a </a:t>
            </a:r>
            <a:r>
              <a:rPr lang="en-US" b="1" i="1" dirty="0">
                <a:solidFill>
                  <a:schemeClr val="bg1"/>
                </a:solidFill>
              </a:rPr>
              <a:t>cyclic</a:t>
            </a:r>
            <a:r>
              <a:rPr lang="en-US" i="1" dirty="0">
                <a:solidFill>
                  <a:schemeClr val="bg1"/>
                </a:solidFill>
              </a:rPr>
              <a:t> load, we can now calculate damage!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4801166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D00F84-FAF2-486A-8428-FF11F9371D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ut how to apply this to a real signal?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1A46FCDC-1110-49FE-9D9B-35F8F5B41E0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887"/>
          <a:stretch/>
        </p:blipFill>
        <p:spPr>
          <a:xfrm>
            <a:off x="73656" y="1981200"/>
            <a:ext cx="6357257" cy="3962400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67D43FC-3F00-4770-B818-E7A80FA61DA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7193E9F1-65F0-4FE6-8792-DCEB5012D101}"/>
              </a:ext>
            </a:extLst>
          </p:cNvPr>
          <p:cNvSpPr/>
          <p:nvPr/>
        </p:nvSpPr>
        <p:spPr bwMode="auto">
          <a:xfrm>
            <a:off x="7488770" y="2307609"/>
            <a:ext cx="4452257" cy="91440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e need to covert a time signal to equivalent number of cycles with amplitudes. </a:t>
            </a:r>
          </a:p>
        </p:txBody>
      </p:sp>
      <p:pic>
        <p:nvPicPr>
          <p:cNvPr id="2050" name="Picture 2" descr="Arrow 34 Icon - Free Icons">
            <a:extLst>
              <a:ext uri="{FF2B5EF4-FFF2-40B4-BE49-F238E27FC236}">
                <a16:creationId xmlns:a16="http://schemas.microsoft.com/office/drawing/2014/main" id="{1CD41938-0469-439B-B2D1-47255572E5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flipH="1">
            <a:off x="6352231" y="4876800"/>
            <a:ext cx="1263697" cy="12636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DAC43769-0EDB-44D7-BD6F-2FB011DFFCE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36288" y="3722063"/>
            <a:ext cx="4091244" cy="26447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249549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A57F2E5-A447-4C53-8D43-757D052C4F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Rainflow</a:t>
            </a:r>
            <a:r>
              <a:rPr lang="en-GB" dirty="0"/>
              <a:t> counting 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33B5C1F-5EAB-4B36-99CF-C1A8B0BF3BB0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 marL="0" indent="0">
                  <a:lnSpc>
                    <a:spcPct val="150000"/>
                  </a:lnSpc>
                  <a:buNone/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r>
                  <a:rPr lang="en-US" dirty="0"/>
                  <a:t>Convert time series to “peaks and valleys”.</a:t>
                </a:r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Apply </a:t>
                </a:r>
                <a:r>
                  <a:rPr lang="en-GB" dirty="0" err="1"/>
                  <a:t>rainflow</a:t>
                </a:r>
                <a:r>
                  <a:rPr lang="en-GB" dirty="0"/>
                  <a:t> counting algorithm (</a:t>
                </a:r>
                <a:r>
                  <a:rPr lang="en-GB" dirty="0" err="1"/>
                  <a:t>rainflow</a:t>
                </a:r>
                <a:r>
                  <a:rPr lang="en-GB" dirty="0"/>
                  <a:t>() in </a:t>
                </a:r>
                <a:r>
                  <a:rPr lang="en-GB" dirty="0" err="1"/>
                  <a:t>Matlab</a:t>
                </a:r>
                <a:r>
                  <a:rPr lang="en-GB" dirty="0"/>
                  <a:t>)</a:t>
                </a:r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The algorithm will give you: </a:t>
                </a:r>
              </a:p>
              <a:p>
                <a:pPr lvl="1">
                  <a:lnSpc>
                    <a:spcPct val="150000"/>
                  </a:lnSpc>
                </a:pPr>
                <a:r>
                  <a:rPr lang="en-GB" dirty="0"/>
                  <a:t>Number of cycle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𝑛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</m:oMath>
                </a14:m>
                <a:r>
                  <a:rPr lang="en-GB" dirty="0"/>
                  <a:t> at different amplitude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𝑆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</m:oMath>
                </a14:m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33B5C1F-5EAB-4B36-99CF-C1A8B0BF3BB0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9A02E7-A966-4FD3-9CEC-4A8D31F6F0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3074" name="Picture 2">
            <a:extLst>
              <a:ext uri="{FF2B5EF4-FFF2-40B4-BE49-F238E27FC236}">
                <a16:creationId xmlns:a16="http://schemas.microsoft.com/office/drawing/2014/main" id="{5C9195B6-D852-4B89-82E4-3A7E813997E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9987"/>
          <a:stretch/>
        </p:blipFill>
        <p:spPr bwMode="auto">
          <a:xfrm>
            <a:off x="7607157" y="1516514"/>
            <a:ext cx="4115593" cy="38249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387754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132856"/>
            <a:ext cx="11738634" cy="2706458"/>
          </a:xfrm>
        </p:spPr>
        <p:txBody>
          <a:bodyPr/>
          <a:lstStyle/>
          <a:p>
            <a:r>
              <a:rPr lang="en-US" sz="4000" dirty="0"/>
              <a:t>Introduction to Supervisory control, advanced control topics and DTU Wind Energy Controller</a:t>
            </a:r>
            <a:r>
              <a:rPr lang="en-GB" sz="3200" b="0" dirty="0"/>
              <a:t>	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1228" y="332656"/>
            <a:ext cx="10840028" cy="1660654"/>
          </a:xfrm>
        </p:spPr>
        <p:txBody>
          <a:bodyPr/>
          <a:lstStyle/>
          <a:p>
            <a:r>
              <a:rPr lang="en-GB" dirty="0"/>
              <a:t>Wind Turbine Control Online Course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261228" y="4581128"/>
            <a:ext cx="6046290" cy="18158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Alan Wai Hou Lio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Researcher, DTU Wind Energy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  <a:hlinkClick r:id="rId4"/>
              </a:rPr>
              <a:t>wali@dtu.dk</a:t>
            </a: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287420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FF12B69-AF3E-4601-AD3C-2F8A76810AB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L: </a:t>
            </a:r>
            <a:r>
              <a:rPr lang="en-GB" dirty="0" err="1"/>
              <a:t>Rainflow</a:t>
            </a:r>
            <a:r>
              <a:rPr lang="en-GB" dirty="0"/>
              <a:t> counting algorith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F58845-30C3-44D2-BD93-E8E9CD83106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85006" y="1600200"/>
            <a:ext cx="5029200" cy="4545578"/>
          </a:xfrm>
        </p:spPr>
        <p:txBody>
          <a:bodyPr/>
          <a:lstStyle/>
          <a:p>
            <a:pPr marL="0" indent="0">
              <a:lnSpc>
                <a:spcPct val="150000"/>
              </a:lnSpc>
              <a:buNone/>
            </a:pPr>
            <a:r>
              <a:rPr lang="en-GB" dirty="0"/>
              <a:t>Rules:</a:t>
            </a:r>
          </a:p>
          <a:p>
            <a:pPr>
              <a:lnSpc>
                <a:spcPct val="150000"/>
              </a:lnSpc>
            </a:pPr>
            <a:r>
              <a:rPr lang="en-GB" dirty="0"/>
              <a:t>Starting from valley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If the </a:t>
            </a:r>
            <a:r>
              <a:rPr lang="en-GB" b="1" dirty="0"/>
              <a:t>sequent</a:t>
            </a:r>
            <a:r>
              <a:rPr lang="en-GB" dirty="0"/>
              <a:t> valley is </a:t>
            </a:r>
            <a:r>
              <a:rPr lang="en-GB" i="1" dirty="0"/>
              <a:t>lower</a:t>
            </a:r>
            <a:r>
              <a:rPr lang="en-GB" dirty="0"/>
              <a:t> than the </a:t>
            </a:r>
            <a:r>
              <a:rPr lang="en-GB" b="1" dirty="0"/>
              <a:t>starting</a:t>
            </a:r>
            <a:r>
              <a:rPr lang="en-GB" dirty="0"/>
              <a:t> valley, stop and count as ½ cycle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If not, continue the flow</a:t>
            </a:r>
          </a:p>
          <a:p>
            <a:pPr>
              <a:lnSpc>
                <a:spcPct val="150000"/>
              </a:lnSpc>
            </a:pPr>
            <a:r>
              <a:rPr lang="en-GB" dirty="0"/>
              <a:t>Starting from peak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If the </a:t>
            </a:r>
            <a:r>
              <a:rPr lang="en-GB" b="1" dirty="0"/>
              <a:t>sequent</a:t>
            </a:r>
            <a:r>
              <a:rPr lang="en-GB" dirty="0"/>
              <a:t> peak is </a:t>
            </a:r>
            <a:r>
              <a:rPr lang="en-GB" i="1" dirty="0"/>
              <a:t>higher</a:t>
            </a:r>
            <a:r>
              <a:rPr lang="en-GB" dirty="0"/>
              <a:t> than the </a:t>
            </a:r>
            <a:r>
              <a:rPr lang="en-GB" b="1" dirty="0"/>
              <a:t>starting</a:t>
            </a:r>
            <a:r>
              <a:rPr lang="en-GB" dirty="0"/>
              <a:t> peak, stop and count as ½ cycle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If not, continue the flow</a:t>
            </a:r>
          </a:p>
          <a:p>
            <a:pPr lvl="1">
              <a:lnSpc>
                <a:spcPct val="150000"/>
              </a:lnSpc>
            </a:pP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4991DE-001C-44E7-BF4D-E0F8368E818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CE49893-5C6F-43CF-BF15-A9BC6FCFA0F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09406" y="1979150"/>
            <a:ext cx="6370348" cy="3178080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B46BC847-AA54-46B2-A385-593CFFE1BDAD}"/>
              </a:ext>
            </a:extLst>
          </p:cNvPr>
          <p:cNvSpPr/>
          <p:nvPr/>
        </p:nvSpPr>
        <p:spPr bwMode="auto">
          <a:xfrm>
            <a:off x="7673831" y="5585958"/>
            <a:ext cx="4038600" cy="7620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here exists many other methods. All of them should give you the same results.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595447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5E2F00-2CB8-426C-A0D6-D60CE11B794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L: </a:t>
            </a:r>
            <a:r>
              <a:rPr lang="en-GB" dirty="0" err="1"/>
              <a:t>Rainflow</a:t>
            </a:r>
            <a:r>
              <a:rPr lang="en-GB" dirty="0"/>
              <a:t> counting algorithm</a:t>
            </a:r>
          </a:p>
        </p:txBody>
      </p:sp>
      <p:graphicFrame>
        <p:nvGraphicFramePr>
          <p:cNvPr id="8" name="Content Placeholder 7">
            <a:extLst>
              <a:ext uri="{FF2B5EF4-FFF2-40B4-BE49-F238E27FC236}">
                <a16:creationId xmlns:a16="http://schemas.microsoft.com/office/drawing/2014/main" id="{A4067105-CF39-41A8-B827-7D0CFB346C7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612544217"/>
              </p:ext>
            </p:extLst>
          </p:nvPr>
        </p:nvGraphicFramePr>
        <p:xfrm>
          <a:off x="8152606" y="1462939"/>
          <a:ext cx="1219200" cy="2377440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609600">
                  <a:extLst>
                    <a:ext uri="{9D8B030D-6E8A-4147-A177-3AD203B41FA5}">
                      <a16:colId xmlns:a16="http://schemas.microsoft.com/office/drawing/2014/main" val="3528168517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594688504"/>
                    </a:ext>
                  </a:extLst>
                </a:gridCol>
              </a:tblGrid>
              <a:tr h="182880"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none" strike="noStrike">
                          <a:effectLst/>
                        </a:rPr>
                        <a:t>Range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none" strike="noStrike" dirty="0">
                          <a:effectLst/>
                        </a:rPr>
                        <a:t>Cycles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498530597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 dirty="0">
                          <a:effectLst/>
                        </a:rPr>
                        <a:t>0.5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583359316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2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69534074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592972052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389352683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2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65049304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759210949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379038953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528177348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85055845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289621324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748283787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 dirty="0">
                          <a:effectLst/>
                        </a:rPr>
                        <a:t>0.5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608649055"/>
                  </a:ext>
                </a:extLst>
              </a:tr>
            </a:tbl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781546-3E8C-4E3A-8F66-6DB112583A2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3F2B048-B92E-4F3E-AF20-D0E242CDB4B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0206" y="1294280"/>
            <a:ext cx="6534150" cy="3819525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9" name="Table 8">
                <a:extLst>
                  <a:ext uri="{FF2B5EF4-FFF2-40B4-BE49-F238E27FC236}">
                    <a16:creationId xmlns:a16="http://schemas.microsoft.com/office/drawing/2014/main" id="{D3F47A16-3533-4811-ADE9-B059B32A73C6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806581366"/>
                  </p:ext>
                </p:extLst>
              </p:nvPr>
            </p:nvGraphicFramePr>
            <p:xfrm>
              <a:off x="9600406" y="1705211"/>
              <a:ext cx="1219200" cy="914400"/>
            </p:xfrm>
            <a:graphic>
              <a:graphicData uri="http://schemas.openxmlformats.org/drawingml/2006/table">
                <a:tbl>
                  <a:tblPr>
                    <a:tableStyleId>{5C22544A-7EE6-4342-B048-85BDC9FD1C3A}</a:tableStyleId>
                  </a:tblPr>
                  <a:tblGrid>
                    <a:gridCol w="609600">
                      <a:extLst>
                        <a:ext uri="{9D8B030D-6E8A-4147-A177-3AD203B41FA5}">
                          <a16:colId xmlns:a16="http://schemas.microsoft.com/office/drawing/2014/main" val="2022909270"/>
                        </a:ext>
                      </a:extLst>
                    </a:gridCol>
                    <a:gridCol w="609600">
                      <a:extLst>
                        <a:ext uri="{9D8B030D-6E8A-4147-A177-3AD203B41FA5}">
                          <a16:colId xmlns:a16="http://schemas.microsoft.com/office/drawing/2014/main" val="2754566835"/>
                        </a:ext>
                      </a:extLst>
                    </a:gridCol>
                  </a:tblGrid>
                  <a:tr h="182880">
                    <a:tc>
                      <a:txBody>
                        <a:bodyPr/>
                        <a:lstStyle/>
                        <a:p>
                          <a:pPr algn="l" fontAlgn="b"/>
                          <a:r>
                            <a:rPr lang="en-US" sz="1100" u="none" strike="noStrike" dirty="0">
                              <a:effectLst/>
                            </a:rPr>
                            <a:t>Range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US" sz="1100" b="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𝑆</m:t>
                                  </m:r>
                                </m:e>
                                <m:sub>
                                  <m:r>
                                    <a:rPr lang="en-US" sz="110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sub>
                              </m:sSub>
                            </m:oMath>
                          </a14:m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l" fontAlgn="b"/>
                          <a:r>
                            <a:rPr lang="en-US" sz="1100" u="none" strike="noStrike" dirty="0">
                              <a:effectLst/>
                            </a:rPr>
                            <a:t>Cycle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sub>
                              </m:sSub>
                            </m:oMath>
                          </a14:m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83674318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64369372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1937494266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284879749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1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58615891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9" name="Table 8">
                <a:extLst>
                  <a:ext uri="{FF2B5EF4-FFF2-40B4-BE49-F238E27FC236}">
                    <a16:creationId xmlns:a16="http://schemas.microsoft.com/office/drawing/2014/main" id="{D3F47A16-3533-4811-ADE9-B059B32A73C6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806581366"/>
                  </p:ext>
                </p:extLst>
              </p:nvPr>
            </p:nvGraphicFramePr>
            <p:xfrm>
              <a:off x="9600406" y="1705211"/>
              <a:ext cx="1219200" cy="914400"/>
            </p:xfrm>
            <a:graphic>
              <a:graphicData uri="http://schemas.openxmlformats.org/drawingml/2006/table">
                <a:tbl>
                  <a:tblPr>
                    <a:tableStyleId>{5C22544A-7EE6-4342-B048-85BDC9FD1C3A}</a:tableStyleId>
                  </a:tblPr>
                  <a:tblGrid>
                    <a:gridCol w="609600">
                      <a:extLst>
                        <a:ext uri="{9D8B030D-6E8A-4147-A177-3AD203B41FA5}">
                          <a16:colId xmlns:a16="http://schemas.microsoft.com/office/drawing/2014/main" val="2022909270"/>
                        </a:ext>
                      </a:extLst>
                    </a:gridCol>
                    <a:gridCol w="609600">
                      <a:extLst>
                        <a:ext uri="{9D8B030D-6E8A-4147-A177-3AD203B41FA5}">
                          <a16:colId xmlns:a16="http://schemas.microsoft.com/office/drawing/2014/main" val="2754566835"/>
                        </a:ext>
                      </a:extLst>
                    </a:gridCol>
                  </a:tblGrid>
                  <a:tr h="18288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marL="9525" marR="9525" marT="9525" marB="0" anchor="b">
                        <a:blipFill>
                          <a:blip r:embed="rId3"/>
                          <a:stretch>
                            <a:fillRect l="-990" t="-13333" r="-100990" b="-45333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marL="9525" marR="9525" marT="9525" marB="0" anchor="b">
                        <a:blipFill>
                          <a:blip r:embed="rId3"/>
                          <a:stretch>
                            <a:fillRect l="-102000" t="-13333" r="-2000" b="-453333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83674318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64369372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1937494266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284879749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1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58615891"/>
                      </a:ext>
                    </a:extLst>
                  </a:tr>
                </a:tbl>
              </a:graphicData>
            </a:graphic>
          </p:graphicFrame>
        </mc:Fallback>
      </mc:AlternateContent>
      <p:sp>
        <p:nvSpPr>
          <p:cNvPr id="10" name="Rectangle 9">
            <a:extLst>
              <a:ext uri="{FF2B5EF4-FFF2-40B4-BE49-F238E27FC236}">
                <a16:creationId xmlns:a16="http://schemas.microsoft.com/office/drawing/2014/main" id="{6A4BA7AC-FED1-44B4-8BE1-60FE80A90600}"/>
              </a:ext>
            </a:extLst>
          </p:cNvPr>
          <p:cNvSpPr/>
          <p:nvPr/>
        </p:nvSpPr>
        <p:spPr>
          <a:xfrm>
            <a:off x="394280" y="5668166"/>
            <a:ext cx="6109365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X = [0,100,-50,50,-100,75,0,50,-75,0,-50,100,0];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914BBDA-E11C-49C1-9BAC-78F196E61A92}"/>
              </a:ext>
            </a:extLst>
          </p:cNvPr>
          <p:cNvSpPr/>
          <p:nvPr/>
        </p:nvSpPr>
        <p:spPr>
          <a:xfrm>
            <a:off x="7162006" y="3994349"/>
            <a:ext cx="5714206" cy="254685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C = </a:t>
            </a:r>
            <a:r>
              <a:rPr lang="en-GB" sz="1100" dirty="0" err="1">
                <a:solidFill>
                  <a:srgbClr val="000000"/>
                </a:solidFill>
                <a:latin typeface="Courier New" panose="02070309020205020404" pitchFamily="49" charset="0"/>
              </a:rPr>
              <a:t>rainflow</a:t>
            </a:r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(X)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%cycles %range	%mean       % start   %end	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0.5000  100.0000   50.0000    1.0000    2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1.0000  100.0000         0    3.0000    4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1.0000   50.0000   25.0000    7.0000    8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1.0000   50.0000  -25.0000   10.0000   11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1.0000  150.0000         0    6.0000    9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0.5000  200.0000         0    2.0000    5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0.5000  200.0000         0    5.0000   12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0.5000  100.0000   50.0000   12.0000   13.0000</a:t>
            </a:r>
          </a:p>
        </p:txBody>
      </p:sp>
    </p:spTree>
    <p:extLst>
      <p:ext uri="{BB962C8B-B14F-4D97-AF65-F5344CB8AC3E}">
        <p14:creationId xmlns:p14="http://schemas.microsoft.com/office/powerpoint/2010/main" val="3000631145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80F3B5-8276-4761-B0A7-6F1A9101D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L: calculating the damage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D6C333FE-A5FC-4066-BC89-BB99DCD48DAF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726" y="1706328"/>
                <a:ext cx="6377880" cy="4545578"/>
              </a:xfrm>
            </p:spPr>
            <p:txBody>
              <a:bodyPr/>
              <a:lstStyle/>
              <a:p>
                <a:r>
                  <a:rPr lang="en-US" dirty="0"/>
                  <a:t>Damage definition</a:t>
                </a:r>
              </a:p>
              <a:p>
                <a:pPr lvl="1"/>
                <a14:m>
                  <m:oMath xmlns:m="http://schemas.openxmlformats.org/officeDocument/2006/math">
                    <m:sSub>
                      <m:sSubPr>
                        <m:ctrlPr>
                          <a:rPr lang="en-US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𝐷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0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den>
                    </m:f>
                  </m:oMath>
                </a14:m>
                <a:endParaRPr lang="en-GB" dirty="0"/>
              </a:p>
              <a:p>
                <a:endParaRPr lang="en-GB" dirty="0"/>
              </a:p>
              <a:p>
                <a:endParaRPr lang="en-GB" dirty="0"/>
              </a:p>
              <a:p>
                <a:r>
                  <a:rPr lang="en-GB" dirty="0"/>
                  <a:t> Damage Equivalent Loads (DEL)</a:t>
                </a:r>
              </a:p>
              <a:p>
                <a:pPr lvl="1"/>
                <a:r>
                  <a:rPr lang="en-US" dirty="0"/>
                  <a:t>The load amplitude that would cause the same damage given an assumed number of reference cycles. </a:t>
                </a:r>
              </a:p>
              <a:p>
                <a:pPr lvl="1"/>
                <a:r>
                  <a:rPr lang="en-US" dirty="0"/>
                  <a:t>For 1-Hz DEL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𝑛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𝑒𝑞</m:t>
                        </m:r>
                      </m:sub>
                    </m:sSub>
                  </m:oMath>
                </a14:m>
                <a:r>
                  <a:rPr lang="en-US" dirty="0"/>
                  <a:t> is assumed to be the length of the signal in second</a:t>
                </a:r>
              </a:p>
              <a:p>
                <a:pPr marL="0" indent="0">
                  <a:buNone/>
                </a:pPr>
                <a:endParaRPr lang="en-GB" dirty="0"/>
              </a:p>
              <a:p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𝐷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0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den>
                    </m:f>
                    <m:nary>
                      <m:naryPr>
                        <m:chr m:val="∑"/>
                        <m:supHide m:val="on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naryPr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/>
                      <m:e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e>
                    </m:nary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𝑒𝑞</m:t>
                            </m:r>
                          </m:sub>
                        </m:sSub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𝑒𝑞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0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den>
                    </m:f>
                  </m:oMath>
                </a14:m>
                <a:endParaRPr lang="en-GB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𝑆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𝑒𝑞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f>
                              <m:f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fPr>
                              <m:num>
                                <m:nary>
                                  <m:naryPr>
                                    <m:chr m:val="∑"/>
                                    <m:supHide m:val="on"/>
                                    <m:ctrlPr>
                                      <a:rPr lang="en-US" i="1">
                                        <a:latin typeface="Cambria Math" panose="02040503050406030204" pitchFamily="18" charset="0"/>
                                      </a:rPr>
                                    </m:ctrlPr>
                                  </m:naryPr>
                                  <m:sub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</a:rPr>
                                      <m:t>𝑖</m:t>
                                    </m:r>
                                  </m:sub>
                                  <m:sup/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𝑛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𝑖</m:t>
                                        </m:r>
                                      </m:sub>
                                    </m:sSub>
                                    <m:sSubSup>
                                      <m:sSubSupPr>
                                        <m:ctrlP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SupPr>
                                      <m:e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𝑆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𝑖</m:t>
                                        </m:r>
                                      </m:sub>
                                      <m:sup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𝑚</m:t>
                                        </m:r>
                                      </m:sup>
                                    </m:sSubSup>
                                  </m:e>
                                </m:nary>
                              </m:num>
                              <m:den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  <m:t>𝑒𝑞</m:t>
                                    </m:r>
                                  </m:sub>
                                </m:sSub>
                              </m:den>
                            </m:f>
                          </m:e>
                        </m:d>
                      </m:e>
                      <m:sup>
                        <m:f>
                          <m:f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den>
                        </m:f>
                      </m:sup>
                    </m:sSup>
                  </m:oMath>
                </a14:m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D6C333FE-A5FC-4066-BC89-BB99DCD48DAF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726" y="1706328"/>
                <a:ext cx="6377880" cy="4545578"/>
              </a:xfrm>
              <a:blipFill>
                <a:blip r:embed="rId2"/>
                <a:stretch>
                  <a:fillRect l="-2008" t="-1743" b="-415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BC8357-675D-4281-A898-A23CA2335FE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5" name="Table 4">
                <a:extLst>
                  <a:ext uri="{FF2B5EF4-FFF2-40B4-BE49-F238E27FC236}">
                    <a16:creationId xmlns:a16="http://schemas.microsoft.com/office/drawing/2014/main" id="{986E9852-A051-4B31-8246-F15DD0FC4E6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08950550"/>
                  </p:ext>
                </p:extLst>
              </p:nvPr>
            </p:nvGraphicFramePr>
            <p:xfrm>
              <a:off x="354373" y="1641157"/>
              <a:ext cx="1219200" cy="914400"/>
            </p:xfrm>
            <a:graphic>
              <a:graphicData uri="http://schemas.openxmlformats.org/drawingml/2006/table">
                <a:tbl>
                  <a:tblPr>
                    <a:tableStyleId>{5C22544A-7EE6-4342-B048-85BDC9FD1C3A}</a:tableStyleId>
                  </a:tblPr>
                  <a:tblGrid>
                    <a:gridCol w="609600">
                      <a:extLst>
                        <a:ext uri="{9D8B030D-6E8A-4147-A177-3AD203B41FA5}">
                          <a16:colId xmlns:a16="http://schemas.microsoft.com/office/drawing/2014/main" val="2022909270"/>
                        </a:ext>
                      </a:extLst>
                    </a:gridCol>
                    <a:gridCol w="609600">
                      <a:extLst>
                        <a:ext uri="{9D8B030D-6E8A-4147-A177-3AD203B41FA5}">
                          <a16:colId xmlns:a16="http://schemas.microsoft.com/office/drawing/2014/main" val="2754566835"/>
                        </a:ext>
                      </a:extLst>
                    </a:gridCol>
                  </a:tblGrid>
                  <a:tr h="182880">
                    <a:tc>
                      <a:txBody>
                        <a:bodyPr/>
                        <a:lstStyle/>
                        <a:p>
                          <a:pPr algn="l" fontAlgn="b"/>
                          <a:r>
                            <a:rPr lang="en-US" sz="1100" u="none" strike="noStrike" dirty="0">
                              <a:effectLst/>
                            </a:rPr>
                            <a:t>Range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US" sz="1100" b="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𝑆</m:t>
                                  </m:r>
                                </m:e>
                                <m:sub>
                                  <m:r>
                                    <a:rPr lang="en-US" sz="110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sub>
                              </m:sSub>
                            </m:oMath>
                          </a14:m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l" fontAlgn="b"/>
                          <a:r>
                            <a:rPr lang="en-US" sz="1100" u="none" strike="noStrike" dirty="0">
                              <a:effectLst/>
                            </a:rPr>
                            <a:t>Cycle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sub>
                              </m:sSub>
                            </m:oMath>
                          </a14:m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83674318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2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64369372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1937494266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284879749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1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58615891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5" name="Table 4">
                <a:extLst>
                  <a:ext uri="{FF2B5EF4-FFF2-40B4-BE49-F238E27FC236}">
                    <a16:creationId xmlns:a16="http://schemas.microsoft.com/office/drawing/2014/main" id="{986E9852-A051-4B31-8246-F15DD0FC4E6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08950550"/>
                  </p:ext>
                </p:extLst>
              </p:nvPr>
            </p:nvGraphicFramePr>
            <p:xfrm>
              <a:off x="354373" y="1641157"/>
              <a:ext cx="1219200" cy="914400"/>
            </p:xfrm>
            <a:graphic>
              <a:graphicData uri="http://schemas.openxmlformats.org/drawingml/2006/table">
                <a:tbl>
                  <a:tblPr>
                    <a:tableStyleId>{5C22544A-7EE6-4342-B048-85BDC9FD1C3A}</a:tableStyleId>
                  </a:tblPr>
                  <a:tblGrid>
                    <a:gridCol w="609600">
                      <a:extLst>
                        <a:ext uri="{9D8B030D-6E8A-4147-A177-3AD203B41FA5}">
                          <a16:colId xmlns:a16="http://schemas.microsoft.com/office/drawing/2014/main" val="2022909270"/>
                        </a:ext>
                      </a:extLst>
                    </a:gridCol>
                    <a:gridCol w="609600">
                      <a:extLst>
                        <a:ext uri="{9D8B030D-6E8A-4147-A177-3AD203B41FA5}">
                          <a16:colId xmlns:a16="http://schemas.microsoft.com/office/drawing/2014/main" val="2754566835"/>
                        </a:ext>
                      </a:extLst>
                    </a:gridCol>
                  </a:tblGrid>
                  <a:tr h="18288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marL="9525" marR="9525" marT="9525" marB="0" anchor="b">
                        <a:blipFill>
                          <a:blip r:embed="rId3"/>
                          <a:stretch>
                            <a:fillRect l="-990" t="-16667" r="-100990" b="-45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marL="9525" marR="9525" marT="9525" marB="0" anchor="b">
                        <a:blipFill>
                          <a:blip r:embed="rId3"/>
                          <a:stretch>
                            <a:fillRect l="-102000" t="-16667" r="-2000" b="-45000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83674318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2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64369372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1937494266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284879749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1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58615891"/>
                      </a:ext>
                    </a:extLst>
                  </a:tr>
                </a:tbl>
              </a:graphicData>
            </a:graphic>
          </p:graphicFrame>
        </mc:Fallback>
      </mc:AlternateContent>
      <p:sp>
        <p:nvSpPr>
          <p:cNvPr id="6" name="TextBox 5">
            <a:extLst>
              <a:ext uri="{FF2B5EF4-FFF2-40B4-BE49-F238E27FC236}">
                <a16:creationId xmlns:a16="http://schemas.microsoft.com/office/drawing/2014/main" id="{55727CC2-469C-4385-BF56-1427445BD1DF}"/>
              </a:ext>
            </a:extLst>
          </p:cNvPr>
          <p:cNvSpPr txBox="1"/>
          <p:nvPr/>
        </p:nvSpPr>
        <p:spPr>
          <a:xfrm>
            <a:off x="5586491" y="1901428"/>
            <a:ext cx="304800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i="1" dirty="0">
                <a:latin typeface="+mn-lt"/>
              </a:rPr>
              <a:t>We assume m=4 for metals, m=10 for composites.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B736047-2A9F-4E06-AB7B-14B4E0F6DD3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53587" y="4228530"/>
            <a:ext cx="3124200" cy="234315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24EF9C02-07E3-47B5-9B95-2F1E4BF478B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183713" y="4710350"/>
            <a:ext cx="3669874" cy="183085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EBB4A91A-6114-4AD9-89B3-2C2CF362A602}"/>
              </a:ext>
            </a:extLst>
          </p:cNvPr>
          <p:cNvSpPr txBox="1"/>
          <p:nvPr/>
        </p:nvSpPr>
        <p:spPr>
          <a:xfrm>
            <a:off x="8605548" y="5400105"/>
            <a:ext cx="38100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3600" dirty="0">
                <a:latin typeface="+mn-lt"/>
              </a:rPr>
              <a:t>=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93E2E0-FDEC-4B44-85A8-A479052F6D6C}"/>
              </a:ext>
            </a:extLst>
          </p:cNvPr>
          <p:cNvSpPr txBox="1"/>
          <p:nvPr/>
        </p:nvSpPr>
        <p:spPr>
          <a:xfrm>
            <a:off x="8571706" y="4105419"/>
            <a:ext cx="32637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S = ?, n = length of signal in second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D7D431C-55BB-4CFD-8E35-0A914F67642A}"/>
              </a:ext>
            </a:extLst>
          </p:cNvPr>
          <p:cNvSpPr/>
          <p:nvPr/>
        </p:nvSpPr>
        <p:spPr bwMode="auto">
          <a:xfrm>
            <a:off x="1904206" y="5812528"/>
            <a:ext cx="1676400" cy="728672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2147980-EFF2-4431-BE33-084ABE75DA16}"/>
              </a:ext>
            </a:extLst>
          </p:cNvPr>
          <p:cNvSpPr txBox="1"/>
          <p:nvPr/>
        </p:nvSpPr>
        <p:spPr>
          <a:xfrm>
            <a:off x="354373" y="5486400"/>
            <a:ext cx="10467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is is DEL</a:t>
            </a:r>
            <a:endParaRPr lang="en-GB" dirty="0" err="1">
              <a:latin typeface="+mn-lt"/>
            </a:endParaRPr>
          </a:p>
        </p:txBody>
      </p:sp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AF838C96-FFA9-463D-BFFE-408EC25DE1BA}"/>
              </a:ext>
            </a:extLst>
          </p:cNvPr>
          <p:cNvCxnSpPr>
            <a:stCxn id="14" idx="2"/>
          </p:cNvCxnSpPr>
          <p:nvPr/>
        </p:nvCxnSpPr>
        <p:spPr bwMode="auto">
          <a:xfrm rot="16200000" flipH="1">
            <a:off x="1078070" y="5532304"/>
            <a:ext cx="363379" cy="764011"/>
          </a:xfrm>
          <a:prstGeom prst="bentConnector2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8931244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 animBg="1"/>
      <p:bldP spid="14" grpId="0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58674C-5B66-422C-987D-AC7150C734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: DE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0032596-9C38-4538-BDD8-3FCD59CA99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5" name="Rektangel 15">
            <a:extLst>
              <a:ext uri="{FF2B5EF4-FFF2-40B4-BE49-F238E27FC236}">
                <a16:creationId xmlns:a16="http://schemas.microsoft.com/office/drawing/2014/main" id="{012ED457-1310-43A4-8281-7E918C8B359F}"/>
              </a:ext>
            </a:extLst>
          </p:cNvPr>
          <p:cNvSpPr/>
          <p:nvPr/>
        </p:nvSpPr>
        <p:spPr bwMode="auto">
          <a:xfrm>
            <a:off x="767012" y="4028141"/>
            <a:ext cx="10656388" cy="2485841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Calculate the DEL of the signal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Do a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ainflow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flow counting on the signal by hand. i.e. do a range and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ycels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table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heck with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Matlab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if your table is correct (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Matlab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command: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ainflow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(Y))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alculate the 1-Hz DEL  based on your table, assuming m = 4.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1C44B62-225E-4B94-98F5-04C5B2AF4F0B}"/>
              </a:ext>
            </a:extLst>
          </p:cNvPr>
          <p:cNvSpPr/>
          <p:nvPr/>
        </p:nvSpPr>
        <p:spPr>
          <a:xfrm>
            <a:off x="1076085" y="1955153"/>
            <a:ext cx="6092825" cy="707886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s-ES" dirty="0">
                <a:solidFill>
                  <a:srgbClr val="000000"/>
                </a:solidFill>
                <a:latin typeface="Courier New" panose="02070309020205020404" pitchFamily="49" charset="0"/>
              </a:rPr>
              <a:t>Y = [-2,1,-3,5,-1,3,-4,4,-2];</a:t>
            </a:r>
          </a:p>
          <a:p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2A715AC-AAF7-4328-8EE8-ED8D42E8A59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60940" y="563625"/>
            <a:ext cx="6278110" cy="30148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D598E756-303F-4122-99F4-0A99BA71554B}"/>
              </a:ext>
            </a:extLst>
          </p:cNvPr>
          <p:cNvSpPr txBox="1"/>
          <p:nvPr/>
        </p:nvSpPr>
        <p:spPr>
          <a:xfrm>
            <a:off x="8000206" y="3549868"/>
            <a:ext cx="7233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Time [s]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8C41B2BD-75AE-468A-BB60-67782F31D91A}"/>
                  </a:ext>
                </a:extLst>
              </p:cNvPr>
              <p:cNvSpPr/>
              <p:nvPr/>
            </p:nvSpPr>
            <p:spPr>
              <a:xfrm>
                <a:off x="1067354" y="2816088"/>
                <a:ext cx="1886542" cy="78566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𝑆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𝑒𝑞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f>
                                <m:f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nary>
                                    <m:naryPr>
                                      <m:chr m:val="∑"/>
                                      <m:supHide m:val="on"/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naryPr>
                                    <m:sub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𝑖</m:t>
                                      </m:r>
                                    </m:sub>
                                    <m:sup/>
                                    <m:e>
                                      <m:sSub>
                                        <m:sSubPr>
                                          <m:ctrlP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𝑛</m:t>
                                          </m:r>
                                        </m:e>
                                        <m:sub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𝑖</m:t>
                                          </m:r>
                                        </m:sub>
                                      </m:sSub>
                                      <m:sSubSup>
                                        <m:sSubSupPr>
                                          <m:ctrlP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SupPr>
                                        <m:e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𝑆</m:t>
                                          </m:r>
                                        </m:e>
                                        <m:sub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𝑖</m:t>
                                          </m:r>
                                        </m:sub>
                                        <m:sup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𝑚</m:t>
                                          </m:r>
                                        </m:sup>
                                      </m:sSubSup>
                                    </m:e>
                                  </m:nary>
                                </m:num>
                                <m:den>
                                  <m:sSub>
                                    <m:sSub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𝑛</m:t>
                                      </m:r>
                                    </m:e>
                                    <m:sub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𝑒𝑞</m:t>
                                      </m:r>
                                    </m:sub>
                                  </m:sSub>
                                </m:den>
                              </m:f>
                            </m:e>
                          </m:d>
                        </m:e>
                        <m:sup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den>
                          </m:f>
                        </m:sup>
                      </m:sSup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8C41B2BD-75AE-468A-BB60-67782F31D91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67354" y="2816088"/>
                <a:ext cx="1886542" cy="785664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58050298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A838D5-8909-4890-9885-D9DC45A819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nswer</a:t>
            </a:r>
          </a:p>
        </p:txBody>
      </p:sp>
      <p:graphicFrame>
        <p:nvGraphicFramePr>
          <p:cNvPr id="6" name="Content Placeholder 5">
            <a:extLst>
              <a:ext uri="{FF2B5EF4-FFF2-40B4-BE49-F238E27FC236}">
                <a16:creationId xmlns:a16="http://schemas.microsoft.com/office/drawing/2014/main" id="{64038FAB-389D-4FFD-9807-B975C660393B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596142780"/>
              </p:ext>
            </p:extLst>
          </p:nvPr>
        </p:nvGraphicFramePr>
        <p:xfrm>
          <a:off x="1899445" y="1964103"/>
          <a:ext cx="1219200" cy="1097280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609600">
                  <a:extLst>
                    <a:ext uri="{9D8B030D-6E8A-4147-A177-3AD203B41FA5}">
                      <a16:colId xmlns:a16="http://schemas.microsoft.com/office/drawing/2014/main" val="2348506711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943037594"/>
                    </a:ext>
                  </a:extLst>
                </a:gridCol>
              </a:tblGrid>
              <a:tr h="182880"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none" strike="noStrike">
                          <a:effectLst/>
                        </a:rPr>
                        <a:t>Range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none" strike="noStrike">
                          <a:effectLst/>
                        </a:rPr>
                        <a:t>Cycles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792291402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3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513132282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4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939887323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6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152317384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8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540181448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9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 dirty="0">
                          <a:effectLst/>
                        </a:rPr>
                        <a:t>0.5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42477291"/>
                  </a:ext>
                </a:extLst>
              </a:tr>
            </a:tbl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87329E9-4308-4238-8CF7-27B3A49A6C7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65EE41-8696-4E4E-8324-F2C6F5A808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38006" y="1600200"/>
            <a:ext cx="4043362" cy="2758298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4B279989-4F3D-4662-B558-AFF066A104AA}"/>
              </a:ext>
            </a:extLst>
          </p:cNvPr>
          <p:cNvSpPr txBox="1"/>
          <p:nvPr/>
        </p:nvSpPr>
        <p:spPr>
          <a:xfrm>
            <a:off x="1523206" y="4723923"/>
            <a:ext cx="4722447" cy="73866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</a:rPr>
              <a:t>DEL: </a:t>
            </a:r>
            <a:br>
              <a:rPr lang="en-GB" dirty="0">
                <a:latin typeface="+mn-lt"/>
              </a:rPr>
            </a:br>
            <a:r>
              <a:rPr lang="en-GB" dirty="0">
                <a:latin typeface="+mn-lt"/>
              </a:rPr>
              <a:t>((3^4*0.5+4^4*1.5+6^4*0.5+8^4*1+9^4*0.5)/9)^(1/4)</a:t>
            </a:r>
            <a:br>
              <a:rPr lang="en-GB" dirty="0">
                <a:latin typeface="+mn-lt"/>
              </a:rPr>
            </a:br>
            <a:r>
              <a:rPr lang="en-GB" dirty="0">
                <a:latin typeface="+mn-lt"/>
              </a:rPr>
              <a:t>= 5.5353</a:t>
            </a:r>
          </a:p>
        </p:txBody>
      </p:sp>
    </p:spTree>
    <p:extLst>
      <p:ext uri="{BB962C8B-B14F-4D97-AF65-F5344CB8AC3E}">
        <p14:creationId xmlns:p14="http://schemas.microsoft.com/office/powerpoint/2010/main" val="85033354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F2A228-B14C-4870-A3E4-6AFF1CE8B8D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eak shav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A4FB0B1-91DB-4E48-911D-DA7F289A32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4396680" cy="4545578"/>
          </a:xfrm>
        </p:spPr>
        <p:txBody>
          <a:bodyPr/>
          <a:lstStyle/>
          <a:p>
            <a:r>
              <a:rPr lang="en-US" dirty="0"/>
              <a:t>Peak thrust load is at maximum around rated wind speed.</a:t>
            </a:r>
          </a:p>
          <a:p>
            <a:endParaRPr lang="en-US" dirty="0"/>
          </a:p>
          <a:p>
            <a:r>
              <a:rPr lang="en-US" dirty="0"/>
              <a:t>Thrust can be reduced by increasing the pitch</a:t>
            </a:r>
          </a:p>
          <a:p>
            <a:endParaRPr lang="en-US" dirty="0"/>
          </a:p>
          <a:p>
            <a:r>
              <a:rPr lang="en-US" dirty="0"/>
              <a:t>How to implement?</a:t>
            </a:r>
          </a:p>
          <a:p>
            <a:pPr lvl="1"/>
            <a:r>
              <a:rPr lang="en-US" dirty="0"/>
              <a:t>Change the minimum pitch angle</a:t>
            </a:r>
          </a:p>
          <a:p>
            <a:pPr lvl="1"/>
            <a:r>
              <a:rPr lang="en-US" dirty="0"/>
              <a:t>In wpdata.100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2449D9-4F88-4485-8BA9-69803D3BA5E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21A872D-1816-4278-ABA2-6A467763C37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10355" y="451442"/>
            <a:ext cx="6525264" cy="2776277"/>
          </a:xfrm>
          <a:prstGeom prst="rect">
            <a:avLst/>
          </a:prstGeom>
        </p:spPr>
      </p:pic>
      <p:sp>
        <p:nvSpPr>
          <p:cNvPr id="8" name="Oval 7">
            <a:extLst>
              <a:ext uri="{FF2B5EF4-FFF2-40B4-BE49-F238E27FC236}">
                <a16:creationId xmlns:a16="http://schemas.microsoft.com/office/drawing/2014/main" id="{9CF48014-CDD7-4434-9118-B922A0B94EC0}"/>
              </a:ext>
            </a:extLst>
          </p:cNvPr>
          <p:cNvSpPr/>
          <p:nvPr/>
        </p:nvSpPr>
        <p:spPr bwMode="auto">
          <a:xfrm>
            <a:off x="7418595" y="1839580"/>
            <a:ext cx="838200" cy="44066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E6B60053-A7FE-41C6-863C-470F654E653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16837" y="3630282"/>
            <a:ext cx="5918781" cy="2981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271459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14AB8A-28E9-46B6-8686-C81D83CD97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: Peak shaving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97B9573-C73F-4332-A0BD-542A7B6143E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48CD12-9429-46A7-B5AB-1E40372740F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5" name="Rektangel 15">
            <a:extLst>
              <a:ext uri="{FF2B5EF4-FFF2-40B4-BE49-F238E27FC236}">
                <a16:creationId xmlns:a16="http://schemas.microsoft.com/office/drawing/2014/main" id="{F5099098-E7AE-402A-B740-E3EBA4037F15}"/>
              </a:ext>
            </a:extLst>
          </p:cNvPr>
          <p:cNvSpPr/>
          <p:nvPr/>
        </p:nvSpPr>
        <p:spPr bwMode="auto">
          <a:xfrm>
            <a:off x="850062" y="2606361"/>
            <a:ext cx="10656388" cy="3640003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Peak shaving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Open Part_7.m and run a steady-state plots of power, thrust, pitch and rotor speed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Modify wpdata_DTU10MW_Part7.100 file with your chosen pitch angles. 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un Part_7b.m to see the steady-state of your design. Your chosen pitch angles needs to make the thrust within 1.3MN. 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un Part_7c.m to perform a turbulent wind simulation. Do you see a trade-off between power and tower loads?</a:t>
            </a:r>
          </a:p>
        </p:txBody>
      </p:sp>
    </p:spTree>
    <p:extLst>
      <p:ext uri="{BB962C8B-B14F-4D97-AF65-F5344CB8AC3E}">
        <p14:creationId xmlns:p14="http://schemas.microsoft.com/office/powerpoint/2010/main" val="1035158251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9EB592-E6DE-4E8C-9F10-AB08E70532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: Peak shaving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6CD98B4-DFB5-4C18-B4D4-B0A344BDBD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p:pic>
        <p:nvPicPr>
          <p:cNvPr id="9" name="Content Placeholder 8" descr="Table&#10;&#10;Description automatically generated">
            <a:extLst>
              <a:ext uri="{FF2B5EF4-FFF2-40B4-BE49-F238E27FC236}">
                <a16:creationId xmlns:a16="http://schemas.microsoft.com/office/drawing/2014/main" id="{DDEDEE99-78DE-4857-8B4B-D21F6E2D550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50666" y="228600"/>
            <a:ext cx="2826271" cy="1905000"/>
          </a:xfr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D656D1C4-125C-4D68-9C6F-40F0ABC927A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8996" y="1299143"/>
            <a:ext cx="8616686" cy="25908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C88ED86F-18F9-433F-A4BC-E9630890989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74726" y="3769832"/>
            <a:ext cx="6781800" cy="278245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05D53743-FAC5-41A0-9632-95D2AA4235AD}"/>
              </a:ext>
            </a:extLst>
          </p:cNvPr>
          <p:cNvSpPr txBox="1"/>
          <p:nvPr/>
        </p:nvSpPr>
        <p:spPr>
          <a:xfrm>
            <a:off x="8556526" y="4805336"/>
            <a:ext cx="3056927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Blue: Baseline [0.7997 MWh]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ed: Peak shaving [0.7931 MWh]</a:t>
            </a:r>
            <a:endParaRPr lang="en-GB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2751910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C587BC-95B0-403A-BCA7-940077C8D1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vanced Control topics:</a:t>
            </a:r>
            <a:br>
              <a:rPr lang="en-US" dirty="0"/>
            </a:br>
            <a:r>
              <a:rPr lang="en-US" dirty="0"/>
              <a:t>Control of tower fore-aft vibration</a:t>
            </a:r>
            <a:endParaRPr lang="en-GB" dirty="0"/>
          </a:p>
        </p:txBody>
      </p:sp>
      <p:pic>
        <p:nvPicPr>
          <p:cNvPr id="6" name="Content Placeholder 5" descr="A picture containing timeline&#10;&#10;Description automatically generated">
            <a:extLst>
              <a:ext uri="{FF2B5EF4-FFF2-40B4-BE49-F238E27FC236}">
                <a16:creationId xmlns:a16="http://schemas.microsoft.com/office/drawing/2014/main" id="{1A1B722B-BEB3-4C64-94DA-4F987C68FB5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6266" y="3048000"/>
            <a:ext cx="4587490" cy="3357455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AE8900-3DAE-43BE-873D-0F0CAE5B882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7" name="Content Placeholder 2">
                <a:extLst>
                  <a:ext uri="{FF2B5EF4-FFF2-40B4-BE49-F238E27FC236}">
                    <a16:creationId xmlns:a16="http://schemas.microsoft.com/office/drawing/2014/main" id="{E465531B-BD80-474F-A70B-DBFC91CB8B65}"/>
                  </a:ext>
                </a:extLst>
              </p:cNvPr>
              <p:cNvSpPr txBox="1">
                <a:spLocks/>
              </p:cNvSpPr>
              <p:nvPr/>
            </p:nvSpPr>
            <p:spPr bwMode="auto">
              <a:xfrm>
                <a:off x="1774726" y="1706328"/>
                <a:ext cx="4777680" cy="4545578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 vert="horz" wrap="square" lIns="0" tIns="0" rIns="0" bIns="0" numCol="1" anchor="t" anchorCtr="0" compatLnSpc="1">
                <a:prstTxWarp prst="textNoShape">
                  <a:avLst/>
                </a:prstTxWarp>
              </a:bodyPr>
              <a:lstStyle>
                <a:lvl1pPr marL="19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414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2pPr>
                <a:lvl3pPr marL="6156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3pPr>
                <a:lvl4pPr marL="82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4pPr>
                <a:lvl5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5pPr>
                <a:lvl6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6pPr>
                <a:lvl7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7pPr>
                <a:lvl8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8pPr>
                <a:lvl9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9pPr>
              </a:lstStyle>
              <a:p>
                <a:r>
                  <a:rPr lang="en-US" kern="0" dirty="0"/>
                  <a:t>Tower fore-aft mode is lightly damped</a:t>
                </a:r>
              </a:p>
              <a:p>
                <a:r>
                  <a:rPr lang="en-US" kern="0" dirty="0"/>
                  <a:t>Feedback loop mapping tower velocity to pitch angle</a:t>
                </a:r>
              </a:p>
              <a:p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Θ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K</m:t>
                        </m:r>
                      </m:e>
                      <m:sub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fa</m:t>
                        </m:r>
                      </m:sub>
                    </m:sSub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acc>
                          <m:accPr>
                            <m:chr m:val="̇"/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</m:acc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GB" dirty="0"/>
                  <a:t> </a:t>
                </a:r>
                <a:endParaRPr lang="en-GB" dirty="0" err="1"/>
              </a:p>
              <a:p>
                <a:endParaRPr lang="en-US" kern="0" dirty="0"/>
              </a:p>
              <a:p>
                <a:pPr marL="0" indent="0">
                  <a:buNone/>
                </a:pPr>
                <a:endParaRPr lang="en-US" kern="0" dirty="0"/>
              </a:p>
              <a:p>
                <a:r>
                  <a:rPr lang="en-US" kern="0" dirty="0"/>
                  <a:t>Rotor thrust varies rapidly around rated wind speed with pitch angle close to fine pitch</a:t>
                </a:r>
              </a:p>
              <a:p>
                <a:endParaRPr lang="en-US" kern="0" dirty="0"/>
              </a:p>
              <a:p>
                <a:r>
                  <a:rPr lang="en-US" kern="0" dirty="0"/>
                  <a:t>Solution: Limited the negative pitch rate when close to fine pitch</a:t>
                </a:r>
                <a:endParaRPr lang="en-GB" kern="0" dirty="0"/>
              </a:p>
            </p:txBody>
          </p:sp>
        </mc:Choice>
        <mc:Fallback xmlns="">
          <p:sp>
            <p:nvSpPr>
              <p:cNvPr id="7" name="Content Placeholder 2">
                <a:extLst>
                  <a:ext uri="{FF2B5EF4-FFF2-40B4-BE49-F238E27FC236}">
                    <a16:creationId xmlns:a16="http://schemas.microsoft.com/office/drawing/2014/main" id="{E465531B-BD80-474F-A70B-DBFC91CB8B6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774726" y="1706328"/>
                <a:ext cx="4777680" cy="4545578"/>
              </a:xfrm>
              <a:prstGeom prst="rect">
                <a:avLst/>
              </a:prstGeom>
              <a:blipFill>
                <a:blip r:embed="rId3"/>
                <a:stretch>
                  <a:fillRect l="-2806" t="-1743" r="-2679"/>
                </a:stretch>
              </a:blipFill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9" name="Rectangle 8">
            <a:extLst>
              <a:ext uri="{FF2B5EF4-FFF2-40B4-BE49-F238E27FC236}">
                <a16:creationId xmlns:a16="http://schemas.microsoft.com/office/drawing/2014/main" id="{8EA8A644-3426-4609-B50A-5CC5175990DE}"/>
              </a:ext>
            </a:extLst>
          </p:cNvPr>
          <p:cNvSpPr/>
          <p:nvPr/>
        </p:nvSpPr>
        <p:spPr bwMode="auto">
          <a:xfrm>
            <a:off x="10318372" y="1111968"/>
            <a:ext cx="990600" cy="12192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FFFFFF"/>
                </a:solidFill>
                <a:latin typeface="+mn-lt"/>
              </a:rPr>
              <a:t>Wind Turbine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0B1A3024-8961-423F-97FA-E6312F04104C}"/>
              </a:ext>
            </a:extLst>
          </p:cNvPr>
          <p:cNvSpPr/>
          <p:nvPr/>
        </p:nvSpPr>
        <p:spPr bwMode="auto">
          <a:xfrm>
            <a:off x="8487984" y="1096728"/>
            <a:ext cx="1105694" cy="12192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Basic Control</a:t>
            </a:r>
            <a:r>
              <a:rPr lang="en-US" dirty="0">
                <a:solidFill>
                  <a:srgbClr val="FFFFFF"/>
                </a:solidFill>
                <a:latin typeface="+mn-lt"/>
              </a:rPr>
              <a:t>ler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7A836762-0509-45E2-8F18-5DF5005CD7CB}"/>
              </a:ext>
            </a:extLst>
          </p:cNvPr>
          <p:cNvCxnSpPr/>
          <p:nvPr/>
        </p:nvCxnSpPr>
        <p:spPr bwMode="auto">
          <a:xfrm>
            <a:off x="9593678" y="1464107"/>
            <a:ext cx="724694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618E1266-AF9C-4815-B138-CFC914D146B6}"/>
              </a:ext>
            </a:extLst>
          </p:cNvPr>
          <p:cNvCxnSpPr/>
          <p:nvPr/>
        </p:nvCxnSpPr>
        <p:spPr bwMode="auto">
          <a:xfrm>
            <a:off x="9593678" y="1997507"/>
            <a:ext cx="724694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Connector: Elbow 18">
            <a:extLst>
              <a:ext uri="{FF2B5EF4-FFF2-40B4-BE49-F238E27FC236}">
                <a16:creationId xmlns:a16="http://schemas.microsoft.com/office/drawing/2014/main" id="{E7F397BC-F52B-416E-8390-3FADEDB94FB9}"/>
              </a:ext>
            </a:extLst>
          </p:cNvPr>
          <p:cNvCxnSpPr>
            <a:stCxn id="9" idx="3"/>
            <a:endCxn id="10" idx="1"/>
          </p:cNvCxnSpPr>
          <p:nvPr/>
        </p:nvCxnSpPr>
        <p:spPr bwMode="auto">
          <a:xfrm flipH="1" flipV="1">
            <a:off x="8487984" y="1706328"/>
            <a:ext cx="2820988" cy="15240"/>
          </a:xfrm>
          <a:prstGeom prst="bentConnector5">
            <a:avLst>
              <a:gd name="adj1" fmla="val -8104"/>
              <a:gd name="adj2" fmla="val -6000000"/>
              <a:gd name="adj3" fmla="val 108104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D52EEE80-9474-4058-A677-0A2802030546}"/>
              </a:ext>
            </a:extLst>
          </p:cNvPr>
          <p:cNvSpPr/>
          <p:nvPr/>
        </p:nvSpPr>
        <p:spPr bwMode="auto">
          <a:xfrm>
            <a:off x="9783384" y="1349807"/>
            <a:ext cx="228600" cy="22860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5" name="Connector: Elbow 24">
            <a:extLst>
              <a:ext uri="{FF2B5EF4-FFF2-40B4-BE49-F238E27FC236}">
                <a16:creationId xmlns:a16="http://schemas.microsoft.com/office/drawing/2014/main" id="{56056E5E-652C-4B68-82E4-E6B801DFCB7A}"/>
              </a:ext>
            </a:extLst>
          </p:cNvPr>
          <p:cNvCxnSpPr>
            <a:endCxn id="23" idx="0"/>
          </p:cNvCxnSpPr>
          <p:nvPr/>
        </p:nvCxnSpPr>
        <p:spPr bwMode="auto">
          <a:xfrm rot="10800000">
            <a:off x="9897684" y="1349807"/>
            <a:ext cx="1411288" cy="114300"/>
          </a:xfrm>
          <a:prstGeom prst="bentConnector4">
            <a:avLst>
              <a:gd name="adj1" fmla="val -15061"/>
              <a:gd name="adj2" fmla="val 520000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345A898B-3867-4632-BA3B-05B9AA1041FE}"/>
                  </a:ext>
                </a:extLst>
              </p:cNvPr>
              <p:cNvSpPr txBox="1"/>
              <p:nvPr/>
            </p:nvSpPr>
            <p:spPr>
              <a:xfrm>
                <a:off x="11420890" y="1874396"/>
                <a:ext cx="532606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Ω</m:t>
                      </m:r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345A898B-3867-4632-BA3B-05B9AA1041F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420890" y="1874396"/>
                <a:ext cx="532606" cy="246221"/>
              </a:xfrm>
              <a:prstGeom prst="rect">
                <a:avLst/>
              </a:prstGeom>
              <a:blipFill>
                <a:blip r:embed="rId4"/>
                <a:stretch>
                  <a:fillRect b="-731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98F6EE9E-C876-4CAE-9E76-F68ED82950F7}"/>
                  </a:ext>
                </a:extLst>
              </p:cNvPr>
              <p:cNvSpPr txBox="1"/>
              <p:nvPr/>
            </p:nvSpPr>
            <p:spPr>
              <a:xfrm>
                <a:off x="11386760" y="1056675"/>
                <a:ext cx="532606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a:rPr lang="en-GB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𝑥</m:t>
                              </m:r>
                            </m:e>
                          </m:acc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98F6EE9E-C876-4CAE-9E76-F68ED82950F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386760" y="1056675"/>
                <a:ext cx="532606" cy="246221"/>
              </a:xfrm>
              <a:prstGeom prst="rect">
                <a:avLst/>
              </a:prstGeom>
              <a:blipFill>
                <a:blip r:embed="rId5"/>
                <a:stretch>
                  <a:fillRect b="-1463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23F5305E-1363-459E-84C2-FF04F4D3F0B2}"/>
                  </a:ext>
                </a:extLst>
              </p:cNvPr>
              <p:cNvSpPr txBox="1"/>
              <p:nvPr/>
            </p:nvSpPr>
            <p:spPr>
              <a:xfrm>
                <a:off x="9897684" y="1197409"/>
                <a:ext cx="532606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Θ</m:t>
                      </m:r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23F5305E-1363-459E-84C2-FF04F4D3F0B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897684" y="1197409"/>
                <a:ext cx="532606" cy="246221"/>
              </a:xfrm>
              <a:prstGeom prst="rect">
                <a:avLst/>
              </a:prstGeom>
              <a:blipFill>
                <a:blip r:embed="rId6"/>
                <a:stretch>
                  <a:fillRect b="-731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DD289CFA-BA2E-4A43-A291-3F9DB14E75D4}"/>
                  </a:ext>
                </a:extLst>
              </p:cNvPr>
              <p:cNvSpPr/>
              <p:nvPr/>
            </p:nvSpPr>
            <p:spPr>
              <a:xfrm>
                <a:off x="9874130" y="1952987"/>
                <a:ext cx="500201" cy="35856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DD289CFA-BA2E-4A43-A291-3F9DB14E75D4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874130" y="1952987"/>
                <a:ext cx="500201" cy="358560"/>
              </a:xfrm>
              <a:prstGeom prst="rect">
                <a:avLst/>
              </a:prstGeom>
              <a:blipFill>
                <a:blip r:embed="rId7"/>
                <a:stretch>
                  <a:fillRect b="-339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654459093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666BEE-7B82-4795-95B0-93AFE7B337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vanced Control topics:</a:t>
            </a:r>
            <a:br>
              <a:rPr lang="en-US" dirty="0"/>
            </a:br>
            <a:r>
              <a:rPr lang="en-US" dirty="0"/>
              <a:t>Control of drive-train torsional vibration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C8FFA0B-FB1C-469A-B655-1D8030FEA9A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5920680" cy="4545578"/>
          </a:xfrm>
        </p:spPr>
        <p:txBody>
          <a:bodyPr/>
          <a:lstStyle/>
          <a:p>
            <a:r>
              <a:rPr lang="en-US" dirty="0"/>
              <a:t>Torsional vibration is coupled with the first blade-edgewise mode</a:t>
            </a:r>
          </a:p>
          <a:p>
            <a:r>
              <a:rPr lang="en-US" dirty="0"/>
              <a:t>At above-rated wind region, the generator torque is designed to dampen the torsional vibration</a:t>
            </a:r>
          </a:p>
          <a:p>
            <a:r>
              <a:rPr lang="en-US" dirty="0"/>
              <a:t>A band-pass filter is use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ABE4B1-E8B9-4A0D-83BE-541D4893AC5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7D9358E-1345-4FB6-B21F-E6E23E33E470}"/>
              </a:ext>
            </a:extLst>
          </p:cNvPr>
          <p:cNvSpPr/>
          <p:nvPr/>
        </p:nvSpPr>
        <p:spPr bwMode="auto">
          <a:xfrm>
            <a:off x="10341232" y="1492236"/>
            <a:ext cx="990600" cy="12192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FFFFFF"/>
                </a:solidFill>
                <a:latin typeface="+mn-lt"/>
              </a:rPr>
              <a:t>Wind Turbine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97ABFAD-B08F-45DC-AB61-BCC51CD6B7FC}"/>
              </a:ext>
            </a:extLst>
          </p:cNvPr>
          <p:cNvSpPr/>
          <p:nvPr/>
        </p:nvSpPr>
        <p:spPr bwMode="auto">
          <a:xfrm>
            <a:off x="8510844" y="1476996"/>
            <a:ext cx="1105694" cy="12192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Basic Control</a:t>
            </a:r>
            <a:r>
              <a:rPr lang="en-US" dirty="0">
                <a:solidFill>
                  <a:srgbClr val="FFFFFF"/>
                </a:solidFill>
                <a:latin typeface="+mn-lt"/>
              </a:rPr>
              <a:t>ler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20ABC5E5-1113-4046-A54B-200A2390EDF0}"/>
              </a:ext>
            </a:extLst>
          </p:cNvPr>
          <p:cNvCxnSpPr/>
          <p:nvPr/>
        </p:nvCxnSpPr>
        <p:spPr bwMode="auto">
          <a:xfrm>
            <a:off x="9616538" y="1844375"/>
            <a:ext cx="724694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09A6147B-BE79-4281-B135-23AB5BCB523A}"/>
              </a:ext>
            </a:extLst>
          </p:cNvPr>
          <p:cNvCxnSpPr/>
          <p:nvPr/>
        </p:nvCxnSpPr>
        <p:spPr bwMode="auto">
          <a:xfrm>
            <a:off x="9616538" y="2377775"/>
            <a:ext cx="724694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Connector: Elbow 17">
            <a:extLst>
              <a:ext uri="{FF2B5EF4-FFF2-40B4-BE49-F238E27FC236}">
                <a16:creationId xmlns:a16="http://schemas.microsoft.com/office/drawing/2014/main" id="{406E2EF9-5A77-45A1-B4DA-699ED796ABE4}"/>
              </a:ext>
            </a:extLst>
          </p:cNvPr>
          <p:cNvCxnSpPr>
            <a:stCxn id="14" idx="3"/>
            <a:endCxn id="15" idx="1"/>
          </p:cNvCxnSpPr>
          <p:nvPr/>
        </p:nvCxnSpPr>
        <p:spPr bwMode="auto">
          <a:xfrm flipH="1" flipV="1">
            <a:off x="8510844" y="2086596"/>
            <a:ext cx="2820988" cy="15240"/>
          </a:xfrm>
          <a:prstGeom prst="bentConnector5">
            <a:avLst>
              <a:gd name="adj1" fmla="val -8104"/>
              <a:gd name="adj2" fmla="val -6000000"/>
              <a:gd name="adj3" fmla="val 108104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Oval 18">
            <a:extLst>
              <a:ext uri="{FF2B5EF4-FFF2-40B4-BE49-F238E27FC236}">
                <a16:creationId xmlns:a16="http://schemas.microsoft.com/office/drawing/2014/main" id="{D0610A4D-1DA7-478A-9E54-7D8E63603C93}"/>
              </a:ext>
            </a:extLst>
          </p:cNvPr>
          <p:cNvSpPr/>
          <p:nvPr/>
        </p:nvSpPr>
        <p:spPr bwMode="auto">
          <a:xfrm>
            <a:off x="9806244" y="1730075"/>
            <a:ext cx="228600" cy="22860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0" name="Connector: Elbow 19">
            <a:extLst>
              <a:ext uri="{FF2B5EF4-FFF2-40B4-BE49-F238E27FC236}">
                <a16:creationId xmlns:a16="http://schemas.microsoft.com/office/drawing/2014/main" id="{A8D66ECB-9393-4D55-9894-8F4CB95CC1E9}"/>
              </a:ext>
            </a:extLst>
          </p:cNvPr>
          <p:cNvCxnSpPr>
            <a:endCxn id="19" idx="0"/>
          </p:cNvCxnSpPr>
          <p:nvPr/>
        </p:nvCxnSpPr>
        <p:spPr bwMode="auto">
          <a:xfrm rot="10800000">
            <a:off x="9920544" y="1730076"/>
            <a:ext cx="1661062" cy="364141"/>
          </a:xfrm>
          <a:prstGeom prst="bentConnector4">
            <a:avLst>
              <a:gd name="adj1" fmla="val 226"/>
              <a:gd name="adj2" fmla="val 259037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3BC091AB-1CA5-4A98-B437-EC955E4DB149}"/>
                  </a:ext>
                </a:extLst>
              </p:cNvPr>
              <p:cNvSpPr txBox="1"/>
              <p:nvPr/>
            </p:nvSpPr>
            <p:spPr>
              <a:xfrm>
                <a:off x="11443750" y="2254664"/>
                <a:ext cx="532606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Ω</m:t>
                      </m:r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3BC091AB-1CA5-4A98-B437-EC955E4DB14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443750" y="2254664"/>
                <a:ext cx="532606" cy="246221"/>
              </a:xfrm>
              <a:prstGeom prst="rect">
                <a:avLst/>
              </a:prstGeom>
              <a:blipFill>
                <a:blip r:embed="rId2"/>
                <a:stretch>
                  <a:fillRect b="-75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59004201-D936-4752-B866-37C62FEED6D3}"/>
                  </a:ext>
                </a:extLst>
              </p:cNvPr>
              <p:cNvSpPr txBox="1"/>
              <p:nvPr/>
            </p:nvSpPr>
            <p:spPr>
              <a:xfrm>
                <a:off x="9920544" y="1486373"/>
                <a:ext cx="532606" cy="26622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59004201-D936-4752-B866-37C62FEED6D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920544" y="1486373"/>
                <a:ext cx="532606" cy="266227"/>
              </a:xfrm>
              <a:prstGeom prst="rect">
                <a:avLst/>
              </a:prstGeom>
              <a:blipFill>
                <a:blip r:embed="rId3"/>
                <a:stretch>
                  <a:fillRect b="-2045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7E89CD3B-E597-4218-ADD4-343701915608}"/>
                  </a:ext>
                </a:extLst>
              </p:cNvPr>
              <p:cNvSpPr/>
              <p:nvPr/>
            </p:nvSpPr>
            <p:spPr>
              <a:xfrm>
                <a:off x="9896990" y="2333255"/>
                <a:ext cx="391454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Θ</m:t>
                      </m:r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7E89CD3B-E597-4218-ADD4-34370191560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896990" y="2333255"/>
                <a:ext cx="391454" cy="338554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6" name="Picture 25" descr="Chart&#10;&#10;Description automatically generated">
            <a:extLst>
              <a:ext uri="{FF2B5EF4-FFF2-40B4-BE49-F238E27FC236}">
                <a16:creationId xmlns:a16="http://schemas.microsoft.com/office/drawing/2014/main" id="{B736FBB5-1124-4C06-A93C-6768C4D3089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05818" y="3445950"/>
            <a:ext cx="5515745" cy="2438740"/>
          </a:xfrm>
          <a:prstGeom prst="rect">
            <a:avLst/>
          </a:prstGeom>
        </p:spPr>
      </p:pic>
      <p:sp>
        <p:nvSpPr>
          <p:cNvPr id="30" name="Rectangle 29">
            <a:extLst>
              <a:ext uri="{FF2B5EF4-FFF2-40B4-BE49-F238E27FC236}">
                <a16:creationId xmlns:a16="http://schemas.microsoft.com/office/drawing/2014/main" id="{EA81040C-1A5C-4E12-A2CF-AD5E7BAC05E1}"/>
              </a:ext>
            </a:extLst>
          </p:cNvPr>
          <p:cNvSpPr/>
          <p:nvPr/>
        </p:nvSpPr>
        <p:spPr bwMode="auto">
          <a:xfrm>
            <a:off x="10210004" y="859065"/>
            <a:ext cx="1233746" cy="54358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Band-pass filter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2" name="Picture 31" descr="A picture containing text&#10;&#10;Description automatically generated">
            <a:extLst>
              <a:ext uri="{FF2B5EF4-FFF2-40B4-BE49-F238E27FC236}">
                <a16:creationId xmlns:a16="http://schemas.microsoft.com/office/drawing/2014/main" id="{3A7C501F-B192-4E37-9EC0-85308AC8EE23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71006" y="3359475"/>
            <a:ext cx="1943276" cy="6477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541249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Three operational regions.</a:t>
            </a:r>
          </a:p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Region 2 Controller:</a:t>
            </a:r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Transient analysis:</a:t>
            </a:r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Re-cap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9EBD6A6-76AB-47A7-9FAA-E732B21A7728}"/>
              </a:ext>
            </a:extLst>
          </p:cNvPr>
          <p:cNvGrpSpPr/>
          <p:nvPr/>
        </p:nvGrpSpPr>
        <p:grpSpPr>
          <a:xfrm>
            <a:off x="6656348" y="-133925"/>
            <a:ext cx="4788772" cy="3420301"/>
            <a:chOff x="6114409" y="863473"/>
            <a:chExt cx="6496857" cy="4417295"/>
          </a:xfrm>
        </p:grpSpPr>
        <p:pic>
          <p:nvPicPr>
            <p:cNvPr id="8" name="Picture 2">
              <a:extLst>
                <a:ext uri="{FF2B5EF4-FFF2-40B4-BE49-F238E27FC236}">
                  <a16:creationId xmlns:a16="http://schemas.microsoft.com/office/drawing/2014/main" id="{09EE5FD1-6B8B-4207-9B1B-636F01550688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160258F1-1E35-4F6A-B10D-ED64A3D5E3BB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8C2E04B-EADE-4601-B881-0AFBE9F2E053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C66338FE-8AF5-4C3A-8A79-04FFA9D4C1CC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41D5A2CE-8F6F-4ECD-A45D-8A647B686A76}"/>
              </a:ext>
            </a:extLst>
          </p:cNvPr>
          <p:cNvGrpSpPr/>
          <p:nvPr/>
        </p:nvGrpSpPr>
        <p:grpSpPr>
          <a:xfrm>
            <a:off x="6476164" y="3274103"/>
            <a:ext cx="5669543" cy="3160452"/>
            <a:chOff x="1" y="1768683"/>
            <a:chExt cx="7648361" cy="4612645"/>
          </a:xfrm>
        </p:grpSpPr>
        <p:pic>
          <p:nvPicPr>
            <p:cNvPr id="21" name="Pladsholder til indhold 6">
              <a:extLst>
                <a:ext uri="{FF2B5EF4-FFF2-40B4-BE49-F238E27FC236}">
                  <a16:creationId xmlns:a16="http://schemas.microsoft.com/office/drawing/2014/main" id="{DD407EF0-8280-4E33-BE08-5F9637C00C3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 bwMode="auto">
            <a:xfrm>
              <a:off x="1" y="1920496"/>
              <a:ext cx="7648361" cy="446083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2" name="Tekstboks 2">
                  <a:extLst>
                    <a:ext uri="{FF2B5EF4-FFF2-40B4-BE49-F238E27FC236}">
                      <a16:creationId xmlns:a16="http://schemas.microsoft.com/office/drawing/2014/main" id="{355770C3-18BF-4DFA-AEC6-32C06F86093A}"/>
                    </a:ext>
                  </a:extLst>
                </p:cNvPr>
                <p:cNvSpPr txBox="1"/>
                <p:nvPr/>
              </p:nvSpPr>
              <p:spPr>
                <a:xfrm rot="19880038">
                  <a:off x="982688" y="5235635"/>
                  <a:ext cx="446254" cy="379479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squar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𝜽</m:t>
                            </m:r>
                          </m:e>
                          <m:sub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10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22" name="Tekstboks 2">
                  <a:extLst>
                    <a:ext uri="{FF2B5EF4-FFF2-40B4-BE49-F238E27FC236}">
                      <a16:creationId xmlns:a16="http://schemas.microsoft.com/office/drawing/2014/main" id="{355770C3-18BF-4DFA-AEC6-32C06F86093A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19880038">
                  <a:off x="982688" y="5235635"/>
                  <a:ext cx="446254" cy="379479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3" name="Tekstboks 4">
                  <a:extLst>
                    <a:ext uri="{FF2B5EF4-FFF2-40B4-BE49-F238E27FC236}">
                      <a16:creationId xmlns:a16="http://schemas.microsoft.com/office/drawing/2014/main" id="{D9577B96-67C4-40DB-AED4-D0D7A3EC21B9}"/>
                    </a:ext>
                  </a:extLst>
                </p:cNvPr>
                <p:cNvSpPr txBox="1"/>
                <p:nvPr/>
              </p:nvSpPr>
              <p:spPr>
                <a:xfrm rot="887170">
                  <a:off x="6013094" y="5030785"/>
                  <a:ext cx="579065" cy="379479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squar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𝝀</m:t>
                            </m:r>
                          </m:e>
                          <m:sub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10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23" name="Tekstboks 4">
                  <a:extLst>
                    <a:ext uri="{FF2B5EF4-FFF2-40B4-BE49-F238E27FC236}">
                      <a16:creationId xmlns:a16="http://schemas.microsoft.com/office/drawing/2014/main" id="{D9577B96-67C4-40DB-AED4-D0D7A3EC21B9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887170">
                  <a:off x="6013094" y="5030785"/>
                  <a:ext cx="579065" cy="379479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4" name="Tekstboks 3">
              <a:extLst>
                <a:ext uri="{FF2B5EF4-FFF2-40B4-BE49-F238E27FC236}">
                  <a16:creationId xmlns:a16="http://schemas.microsoft.com/office/drawing/2014/main" id="{F4B50730-F1AB-4722-A7BA-894E77259C31}"/>
                </a:ext>
              </a:extLst>
            </p:cNvPr>
            <p:cNvSpPr txBox="1"/>
            <p:nvPr/>
          </p:nvSpPr>
          <p:spPr>
            <a:xfrm>
              <a:off x="3448918" y="1768683"/>
              <a:ext cx="94448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2</a:t>
              </a:r>
            </a:p>
          </p:txBody>
        </p:sp>
        <p:sp>
          <p:nvSpPr>
            <p:cNvPr id="25" name="Tekstboks 7">
              <a:extLst>
                <a:ext uri="{FF2B5EF4-FFF2-40B4-BE49-F238E27FC236}">
                  <a16:creationId xmlns:a16="http://schemas.microsoft.com/office/drawing/2014/main" id="{71638E71-4145-4BB8-95BF-BAB336A402E9}"/>
                </a:ext>
              </a:extLst>
            </p:cNvPr>
            <p:cNvSpPr txBox="1"/>
            <p:nvPr/>
          </p:nvSpPr>
          <p:spPr>
            <a:xfrm>
              <a:off x="1420854" y="2213636"/>
              <a:ext cx="110959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2.5</a:t>
              </a:r>
            </a:p>
          </p:txBody>
        </p:sp>
        <p:sp>
          <p:nvSpPr>
            <p:cNvPr id="26" name="Tekstboks 8">
              <a:extLst>
                <a:ext uri="{FF2B5EF4-FFF2-40B4-BE49-F238E27FC236}">
                  <a16:creationId xmlns:a16="http://schemas.microsoft.com/office/drawing/2014/main" id="{363ED543-A77D-42F3-9C95-A9D6D3FC3786}"/>
                </a:ext>
              </a:extLst>
            </p:cNvPr>
            <p:cNvSpPr txBox="1"/>
            <p:nvPr/>
          </p:nvSpPr>
          <p:spPr>
            <a:xfrm>
              <a:off x="3894756" y="4017754"/>
              <a:ext cx="94448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3</a:t>
              </a:r>
            </a:p>
          </p:txBody>
        </p:sp>
        <p:sp>
          <p:nvSpPr>
            <p:cNvPr id="27" name="Ellipse 5">
              <a:extLst>
                <a:ext uri="{FF2B5EF4-FFF2-40B4-BE49-F238E27FC236}">
                  <a16:creationId xmlns:a16="http://schemas.microsoft.com/office/drawing/2014/main" id="{C076075E-4C81-4A69-B0A8-18F802C494A1}"/>
                </a:ext>
              </a:extLst>
            </p:cNvPr>
            <p:cNvSpPr/>
            <p:nvPr/>
          </p:nvSpPr>
          <p:spPr bwMode="auto">
            <a:xfrm>
              <a:off x="3112824" y="2105636"/>
              <a:ext cx="108000" cy="108000"/>
            </a:xfrm>
            <a:prstGeom prst="ellipse">
              <a:avLst/>
            </a:prstGeom>
            <a:solidFill>
              <a:srgbClr val="0000FF"/>
            </a:solidFill>
            <a:ln w="9525" cap="flat" cmpd="sng" algn="ctr">
              <a:solidFill>
                <a:srgbClr val="0000FF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1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02E52FAD-D137-4CCD-B2EC-DB7277233342}"/>
                </a:ext>
              </a:extLst>
            </p:cNvPr>
            <p:cNvSpPr txBox="1"/>
            <p:nvPr/>
          </p:nvSpPr>
          <p:spPr>
            <a:xfrm>
              <a:off x="204892" y="3790865"/>
              <a:ext cx="181140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100" dirty="0">
                  <a:latin typeface="+mn-lt"/>
                </a:rPr>
                <a:t>Cp</a:t>
              </a: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82E90C57-5AD8-46EF-90A9-ED22147E2593}"/>
                  </a:ext>
                </a:extLst>
              </p:cNvPr>
              <p:cNvSpPr txBox="1"/>
              <p:nvPr/>
            </p:nvSpPr>
            <p:spPr>
              <a:xfrm>
                <a:off x="1051802" y="4150440"/>
                <a:ext cx="1120756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82E90C57-5AD8-46EF-90A9-ED22147E259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51802" y="4150440"/>
                <a:ext cx="1120756" cy="39421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kstboks 2">
                <a:extLst>
                  <a:ext uri="{FF2B5EF4-FFF2-40B4-BE49-F238E27FC236}">
                    <a16:creationId xmlns:a16="http://schemas.microsoft.com/office/drawing/2014/main" id="{5DA4EFDA-B7D2-4578-BDE5-FCD19A32E05C}"/>
                  </a:ext>
                </a:extLst>
              </p:cNvPr>
              <p:cNvSpPr txBox="1"/>
              <p:nvPr/>
            </p:nvSpPr>
            <p:spPr>
              <a:xfrm>
                <a:off x="794323" y="3192540"/>
                <a:ext cx="4366965" cy="781752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  <m:r>
                        <a:rPr lang="en-GB" sz="1800" b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𝜼𝝆𝝅</m:t>
                          </m:r>
                          <m:sSup>
                            <m:sSup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𝑹</m:t>
                              </m:r>
                            </m:e>
                            <m:sup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𝟓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𝑪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𝒑</m:t>
                              </m:r>
                            </m:sub>
                          </m:sSub>
                          <m:d>
                            <m:d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𝝀</m:t>
                                  </m:r>
                                </m:e>
                                <m:sub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𝒐𝒑𝒕</m:t>
                                  </m:r>
                                </m:sub>
                              </m:s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𝜽</m:t>
                                  </m:r>
                                </m:e>
                                <m:sub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𝒐𝒑𝒕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  <m:sSubSup>
                            <m:sSubSup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𝝀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𝒐𝒑𝒕</m:t>
                              </m:r>
                            </m:sub>
                            <m:sup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𝟑</m:t>
                              </m:r>
                            </m:sup>
                          </m:sSubSup>
                        </m:den>
                      </m:f>
                      <m:sSup>
                        <m:sSup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  <m:sup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</m:sup>
                      </m:sSup>
                      <m:r>
                        <a:rPr lang="en-GB" sz="1800" b="1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𝑲</m:t>
                          </m:r>
                        </m:e>
                        <m: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𝒐𝒑𝒕</m:t>
                          </m:r>
                        </m:sub>
                      </m:sSub>
                      <m:sSup>
                        <m:sSup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  <m:sup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</m:sup>
                      </m:sSup>
                      <m:r>
                        <m:rPr>
                          <m:nor/>
                        </m:rPr>
                        <a:rPr lang="en-GB" sz="1800" b="1" dirty="0"/>
                        <m:t> </m:t>
                      </m:r>
                    </m:oMath>
                  </m:oMathPara>
                </a14:m>
                <a:endParaRPr lang="en-GB" sz="1800" b="1" dirty="0"/>
              </a:p>
            </p:txBody>
          </p:sp>
        </mc:Choice>
        <mc:Fallback xmlns="">
          <p:sp>
            <p:nvSpPr>
              <p:cNvPr id="31" name="Tekstboks 2">
                <a:extLst>
                  <a:ext uri="{FF2B5EF4-FFF2-40B4-BE49-F238E27FC236}">
                    <a16:creationId xmlns:a16="http://schemas.microsoft.com/office/drawing/2014/main" id="{5DA4EFDA-B7D2-4578-BDE5-FCD19A32E05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94323" y="3192540"/>
                <a:ext cx="4366965" cy="781752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kstboks 2">
                <a:extLst>
                  <a:ext uri="{FF2B5EF4-FFF2-40B4-BE49-F238E27FC236}">
                    <a16:creationId xmlns:a16="http://schemas.microsoft.com/office/drawing/2014/main" id="{5E71A62C-DC66-4637-818E-3BE4FCB57B83}"/>
                  </a:ext>
                </a:extLst>
              </p:cNvPr>
              <p:cNvSpPr txBox="1"/>
              <p:nvPr/>
            </p:nvSpPr>
            <p:spPr>
              <a:xfrm>
                <a:off x="1264239" y="5144503"/>
                <a:ext cx="3641894" cy="659604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1800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𝒓</m:t>
                              </m:r>
                            </m:sub>
                          </m:s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𝒏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  <m:sup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𝟐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GB" sz="1800" b="1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sz="1800" b="1" i="1">
                          <a:latin typeface="Cambria Math" panose="02040503050406030204" pitchFamily="18" charset="0"/>
                        </a:rPr>
                        <m:t>𝑸</m:t>
                      </m:r>
                      <m:d>
                        <m:d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𝑽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𝜽</m:t>
                          </m:r>
                        </m:e>
                      </m:d>
                      <m:r>
                        <a:rPr lang="en-GB" sz="1800" b="1" i="1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num>
                        <m:den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den>
                      </m:f>
                      <m:sSub>
                        <m:sSub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</m:oMath>
                  </m:oMathPara>
                </a14:m>
                <a:endParaRPr lang="en-GB" sz="1800" b="1" i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2" name="Tekstboks 2">
                <a:extLst>
                  <a:ext uri="{FF2B5EF4-FFF2-40B4-BE49-F238E27FC236}">
                    <a16:creationId xmlns:a16="http://schemas.microsoft.com/office/drawing/2014/main" id="{5E71A62C-DC66-4637-818E-3BE4FCB57B8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64239" y="5144503"/>
                <a:ext cx="3641894" cy="659604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3090609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0" grpId="0" animBg="1"/>
      <p:bldP spid="31" grpId="0" animBg="1"/>
      <p:bldP spid="32" grpId="0" animBg="1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238DD1-4EA9-4E49-B117-3848B68544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vanced Control topics:</a:t>
            </a:r>
            <a:br>
              <a:rPr lang="en-US" dirty="0"/>
            </a:br>
            <a:r>
              <a:rPr lang="en-US" dirty="0"/>
              <a:t>Individual Pitch Control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56D49CD-3D3E-4AB4-A713-DC600009F45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42206" y="1655103"/>
            <a:ext cx="5615880" cy="4545578"/>
          </a:xfrm>
        </p:spPr>
        <p:txBody>
          <a:bodyPr/>
          <a:lstStyle/>
          <a:p>
            <a:r>
              <a:rPr lang="en-US" dirty="0"/>
              <a:t>Turbines are subject to periodic loadings:</a:t>
            </a:r>
          </a:p>
          <a:p>
            <a:pPr lvl="1"/>
            <a:r>
              <a:rPr lang="en-US" dirty="0"/>
              <a:t>Wind shear, tower shadow</a:t>
            </a:r>
          </a:p>
          <a:p>
            <a:pPr lvl="1"/>
            <a:endParaRPr lang="en-US" dirty="0"/>
          </a:p>
          <a:p>
            <a:r>
              <a:rPr lang="en-US" dirty="0"/>
              <a:t>Cyclic pitch control: azimuth-dependent change to the demand pitch angle for each blade</a:t>
            </a:r>
          </a:p>
          <a:p>
            <a:endParaRPr lang="en-US" dirty="0"/>
          </a:p>
          <a:p>
            <a:r>
              <a:rPr lang="en-US" dirty="0"/>
              <a:t>Turbulent variations in wind speed across a large turbine rotor dominates the asymmetrical loadings.</a:t>
            </a:r>
          </a:p>
          <a:p>
            <a:pPr lvl="1"/>
            <a:r>
              <a:rPr lang="en-US" dirty="0"/>
              <a:t>Individual Pitch Control:</a:t>
            </a:r>
          </a:p>
          <a:p>
            <a:pPr lvl="1"/>
            <a:r>
              <a:rPr lang="en-US" dirty="0"/>
              <a:t>Use load sensor to measure blade bending moment</a:t>
            </a:r>
          </a:p>
          <a:p>
            <a:pPr lvl="1"/>
            <a:r>
              <a:rPr lang="en-US" dirty="0"/>
              <a:t>Adjust the blade individually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D40230E-2B62-46A3-849D-926EF541C18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  <p:pic>
        <p:nvPicPr>
          <p:cNvPr id="6" name="Picture 5" descr="Diagram&#10;&#10;Description automatically generated">
            <a:extLst>
              <a:ext uri="{FF2B5EF4-FFF2-40B4-BE49-F238E27FC236}">
                <a16:creationId xmlns:a16="http://schemas.microsoft.com/office/drawing/2014/main" id="{298ACD9C-7584-4FBD-928E-5DB5F1578397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08"/>
          <a:stretch/>
        </p:blipFill>
        <p:spPr>
          <a:xfrm>
            <a:off x="7771606" y="152400"/>
            <a:ext cx="3801006" cy="3210155"/>
          </a:xfrm>
          <a:prstGeom prst="rect">
            <a:avLst/>
          </a:prstGeom>
        </p:spPr>
      </p:pic>
      <p:pic>
        <p:nvPicPr>
          <p:cNvPr id="8" name="Picture 7" descr="Chart, line chart&#10;&#10;Description automatically generated">
            <a:extLst>
              <a:ext uri="{FF2B5EF4-FFF2-40B4-BE49-F238E27FC236}">
                <a16:creationId xmlns:a16="http://schemas.microsoft.com/office/drawing/2014/main" id="{DB14087B-EDB0-44F6-98C1-08301AC65D3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39626" y="3764766"/>
            <a:ext cx="5427205" cy="23170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56354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ADE781-794A-4F76-BD9B-BE1A2949A8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ummar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57803A0-FEC8-46DF-B923-3DD3D54AD52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After this lecture, you should be able to: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Understand the switching logics behind a wind turbine controller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Tune the opening of torque limit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Calculate the DEL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Design a peak shaving strategy</a:t>
            </a:r>
          </a:p>
          <a:p>
            <a:pPr lvl="1">
              <a:lnSpc>
                <a:spcPct val="150000"/>
              </a:lnSpc>
            </a:pPr>
            <a:endParaRPr lang="en-GB" dirty="0"/>
          </a:p>
          <a:p>
            <a:pPr lvl="1">
              <a:lnSpc>
                <a:spcPct val="150000"/>
              </a:lnSpc>
            </a:pP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DFE29C-7DB1-4D48-9235-C71912655CD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9193166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70683B-97F5-44F0-9C28-CEEC87326C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-cap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384D7CD-9560-4E07-805C-012A1C00C79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en-GB" dirty="0"/>
          </a:p>
          <a:p>
            <a:r>
              <a:rPr lang="en-GB" dirty="0"/>
              <a:t>Gain for Region 2.5</a:t>
            </a:r>
          </a:p>
          <a:p>
            <a:pPr lvl="1"/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Gain for Region 3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r>
              <a:rPr lang="en-GB" dirty="0"/>
              <a:t>Gain scheduling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E0B67B-813F-487B-BE6A-3C5C0FFF99F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793E231E-304D-44F9-9CC3-934B00393F61}"/>
              </a:ext>
            </a:extLst>
          </p:cNvPr>
          <p:cNvGrpSpPr/>
          <p:nvPr/>
        </p:nvGrpSpPr>
        <p:grpSpPr>
          <a:xfrm>
            <a:off x="7771606" y="-157565"/>
            <a:ext cx="4788772" cy="3420301"/>
            <a:chOff x="6114409" y="863473"/>
            <a:chExt cx="6496857" cy="4417295"/>
          </a:xfrm>
        </p:grpSpPr>
        <p:pic>
          <p:nvPicPr>
            <p:cNvPr id="6" name="Picture 2">
              <a:extLst>
                <a:ext uri="{FF2B5EF4-FFF2-40B4-BE49-F238E27FC236}">
                  <a16:creationId xmlns:a16="http://schemas.microsoft.com/office/drawing/2014/main" id="{25AA91D8-B9A8-4E32-8B79-91383A626E42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46324575-39A9-49FF-A673-3E51C5FCADB7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7B61F61D-C085-4229-8D51-3E68303F1512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494ECD8E-7C41-4537-8D9C-9687780463DA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B42D0592-8B58-4169-8AE0-A337B645E99C}"/>
                  </a:ext>
                </a:extLst>
              </p:cNvPr>
              <p:cNvSpPr txBox="1"/>
              <p:nvPr/>
            </p:nvSpPr>
            <p:spPr>
              <a:xfrm>
                <a:off x="1787280" y="2393664"/>
                <a:ext cx="3589572" cy="55322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  <m: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sub>
                          </m:sSub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𝜂</m:t>
                      </m:r>
                      <m:d>
                        <m:d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  <m:d>
                            <m:d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i="1">
                                      <a:latin typeface="Cambria Math" panose="02040503050406030204" pitchFamily="18" charset="0"/>
                                    </a:rPr>
                                    <m:t>​</m:t>
                                  </m:r>
                                </m:e>
                              </m:d>
                            </m:e>
                            <m:sub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𝑜𝑝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en-GB" b="0" dirty="0">
                  <a:latin typeface="+mn-lt"/>
                </a:endParaRPr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B42D0592-8B58-4169-8AE0-A337B645E99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787280" y="2393664"/>
                <a:ext cx="3589572" cy="553228"/>
              </a:xfrm>
              <a:prstGeom prst="rect">
                <a:avLst/>
              </a:prstGeom>
              <a:blipFill>
                <a:blip r:embed="rId3"/>
                <a:stretch>
                  <a:fillRect b="-111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3" name="Picture 12">
            <a:extLst>
              <a:ext uri="{FF2B5EF4-FFF2-40B4-BE49-F238E27FC236}">
                <a16:creationId xmlns:a16="http://schemas.microsoft.com/office/drawing/2014/main" id="{79F483CC-E1E3-47EF-86FF-56D8D1356EC4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2944"/>
          <a:stretch/>
        </p:blipFill>
        <p:spPr>
          <a:xfrm>
            <a:off x="5544554" y="2520744"/>
            <a:ext cx="2844993" cy="372684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199A16F3-0D50-4BDE-BF58-6FF21236468F}"/>
              </a:ext>
            </a:extLst>
          </p:cNvPr>
          <p:cNvGrpSpPr>
            <a:grpSpLocks noChangeAspect="1"/>
          </p:cNvGrpSpPr>
          <p:nvPr/>
        </p:nvGrpSpPr>
        <p:grpSpPr>
          <a:xfrm>
            <a:off x="3326169" y="1589454"/>
            <a:ext cx="2893995" cy="288000"/>
            <a:chOff x="1572900" y="1880961"/>
            <a:chExt cx="4340993" cy="432000"/>
          </a:xfrm>
        </p:grpSpPr>
        <p:pic>
          <p:nvPicPr>
            <p:cNvPr id="15" name="Picture 2">
              <a:extLst>
                <a:ext uri="{FF2B5EF4-FFF2-40B4-BE49-F238E27FC236}">
                  <a16:creationId xmlns:a16="http://schemas.microsoft.com/office/drawing/2014/main" id="{013C1E18-1186-4C8F-9A08-FF4A93E8EDEA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572900" y="1880961"/>
              <a:ext cx="4176000" cy="432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E3E95941-0660-40A8-A70F-EBAE0DCB5BAB}"/>
                </a:ext>
              </a:extLst>
            </p:cNvPr>
            <p:cNvSpPr txBox="1"/>
            <p:nvPr/>
          </p:nvSpPr>
          <p:spPr>
            <a:xfrm>
              <a:off x="5913795" y="1920747"/>
              <a:ext cx="9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endParaRPr lang="en-US" dirty="0" err="1">
                <a:latin typeface="+mn-lt"/>
              </a:endParaRP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05A90C9-8F9C-4F17-9779-2BCE6D11A5A0}"/>
                  </a:ext>
                </a:extLst>
              </p:cNvPr>
              <p:cNvSpPr txBox="1"/>
              <p:nvPr/>
            </p:nvSpPr>
            <p:spPr>
              <a:xfrm>
                <a:off x="1817939" y="3590182"/>
                <a:ext cx="3744871" cy="108940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zh-TW" altLang="en-GB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altLang="zh-TW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en-GB" altLang="zh-TW" b="0" i="1" smtClean="0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GB" altLang="zh-TW" b="0" i="0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 −</m:t>
                          </m:r>
                          <m:f>
                            <m:f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sSub>
                                        <m:sSubPr>
                                          <m:ctrlPr>
                                            <a:rPr lang="en-GB" altLang="zh-TW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zh-TW" altLang="en-GB" i="1">
                                              <a:latin typeface="Cambria Math" panose="02040503050406030204" pitchFamily="18" charset="0"/>
                                            </a:rPr>
                                            <m:t>𝑄</m:t>
                                          </m:r>
                                        </m:e>
                                        <m:sub>
                                          <m:r>
                                            <a:rPr lang="zh-TW" altLang="en-GB" b="0" i="1" smtClean="0">
                                              <a:latin typeface="Cambria Math" panose="02040503050406030204" pitchFamily="18" charset="0"/>
                                            </a:rPr>
                                            <m:t>𝑔</m:t>
                                          </m:r>
                                        </m:sub>
                                      </m:sSub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GB" altLang="zh-TW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𝑑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  <m:r>
                                        <a:rPr lang="zh-TW" altLang="en-GB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05A90C9-8F9C-4F17-9779-2BCE6D11A5A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817939" y="3590182"/>
                <a:ext cx="3744871" cy="1089401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3118B9FE-7319-4F1E-84BD-6274ADB7B400}"/>
                  </a:ext>
                </a:extLst>
              </p:cNvPr>
              <p:cNvSpPr txBox="1"/>
              <p:nvPr/>
            </p:nvSpPr>
            <p:spPr>
              <a:xfrm>
                <a:off x="6190730" y="3780847"/>
                <a:ext cx="1758237" cy="79182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3118B9FE-7319-4F1E-84BD-6274ADB7B40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190730" y="3780847"/>
                <a:ext cx="1758237" cy="791820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9" name="Picture 3">
            <a:extLst>
              <a:ext uri="{FF2B5EF4-FFF2-40B4-BE49-F238E27FC236}">
                <a16:creationId xmlns:a16="http://schemas.microsoft.com/office/drawing/2014/main" id="{ECFDF2BE-1C77-4D42-AAFA-3C7DBB2865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62371" y="4689541"/>
            <a:ext cx="4994360" cy="7673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F9E4AA72-BE6D-4250-A731-DDDA2F315A3F}"/>
                  </a:ext>
                </a:extLst>
              </p:cNvPr>
              <p:cNvSpPr/>
              <p:nvPr/>
            </p:nvSpPr>
            <p:spPr>
              <a:xfrm>
                <a:off x="3956662" y="5857741"/>
                <a:ext cx="2502032" cy="51507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𝜃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GB" altLang="zh-TW" i="1">
                            <a:solidFill>
                              <a:srgbClr val="836967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GB" altLang="zh-TW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f>
                              <m:fPr>
                                <m:ctrlPr>
                                  <a:rPr lang="en-GB" altLang="zh-TW" i="1">
                                    <a:latin typeface="Cambria Math" panose="02040503050406030204" pitchFamily="18" charset="0"/>
                                  </a:rPr>
                                </m:ctrlPr>
                              </m:fPr>
                              <m:num>
                                <m:r>
                                  <a:rPr lang="zh-TW" altLang="en-GB" i="1">
                                    <a:latin typeface="Cambria Math" panose="02040503050406030204" pitchFamily="18" charset="0"/>
                                  </a:rPr>
                                  <m:t>𝑑𝑄</m:t>
                                </m:r>
                              </m:num>
                              <m:den>
                                <m:r>
                                  <a:rPr lang="zh-TW" altLang="en-GB" i="1">
                                    <a:latin typeface="Cambria Math" panose="02040503050406030204" pitchFamily="18" charset="0"/>
                                  </a:rPr>
                                  <m:t>𝑑</m:t>
                                </m:r>
                                <m:r>
                                  <a:rPr lang="zh-TW" altLang="en-GB" i="1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den>
                            </m:f>
                          </m:e>
                        </m:d>
                      </m:e>
                      <m:sub>
                        <m:r>
                          <a:rPr lang="en-GB" altLang="zh-TW" i="1">
                            <a:latin typeface="Cambria Math" panose="02040503050406030204" pitchFamily="18" charset="0"/>
                          </a:rPr>
                          <m:t>0</m:t>
                        </m:r>
                      </m:sub>
                    </m:sSub>
                    <m:r>
                      <a:rPr lang="en-GB" altLang="zh-TW">
                        <a:latin typeface="Cambria Math" panose="02040503050406030204" pitchFamily="18" charset="0"/>
                      </a:rPr>
                      <m:t>(1+</m:t>
                    </m:r>
                    <m:f>
                      <m:fPr>
                        <m:ctrlPr>
                          <a:rPr lang="en-GB" altLang="zh-TW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𝜃</m:t>
                        </m:r>
                      </m:num>
                      <m:den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𝐾𝐾</m:t>
                        </m:r>
                        <m:r>
                          <a:rPr lang="en-GB" altLang="zh-TW" i="1">
                            <a:latin typeface="Cambria Math" panose="02040503050406030204" pitchFamily="18" charset="0"/>
                          </a:rPr>
                          <m:t>1</m:t>
                        </m:r>
                      </m:den>
                    </m:f>
                    <m:r>
                      <a:rPr lang="en-GB" altLang="zh-TW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altLang="zh-TW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p>
                          <m:sSupPr>
                            <m:ctrlPr>
                              <a:rPr lang="en-GB" altLang="zh-TW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zh-TW" altLang="en-GB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</m:e>
                          <m:sup>
                            <m:r>
                              <a:rPr lang="en-GB" altLang="zh-TW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p>
                      </m:num>
                      <m:den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𝐾𝐾</m:t>
                        </m:r>
                        <m:r>
                          <a:rPr lang="en-GB" altLang="zh-TW" i="1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GB" altLang="zh-TW" i="1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</a:t>
                </a:r>
              </a:p>
            </p:txBody>
          </p:sp>
        </mc:Choice>
        <mc:Fallback xmlns="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F9E4AA72-BE6D-4250-A731-DDDA2F315A3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956662" y="5857741"/>
                <a:ext cx="2502032" cy="515077"/>
              </a:xfrm>
              <a:prstGeom prst="rect">
                <a:avLst/>
              </a:prstGeom>
              <a:blipFill>
                <a:blip r:embed="rId9"/>
                <a:stretch>
                  <a:fillRect t="-144048" b="-21547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41146498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1F9A85-C976-4A7E-B078-2B69029D97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earning Objectiv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B52A4E2-12F9-4A77-AC89-CEA98E241E9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Switching strategy between Regions</a:t>
            </a:r>
          </a:p>
          <a:p>
            <a:pPr lvl="1"/>
            <a:r>
              <a:rPr lang="en-GB" dirty="0"/>
              <a:t>Torque limits</a:t>
            </a:r>
          </a:p>
          <a:p>
            <a:pPr lvl="1"/>
            <a:r>
              <a:rPr lang="en-GB" dirty="0"/>
              <a:t>PI Anti-windup</a:t>
            </a:r>
          </a:p>
          <a:p>
            <a:endParaRPr lang="en-GB" dirty="0"/>
          </a:p>
          <a:p>
            <a:r>
              <a:rPr lang="en-GB" dirty="0"/>
              <a:t>Start-up and Shut-down procedure</a:t>
            </a:r>
          </a:p>
          <a:p>
            <a:endParaRPr lang="en-GB" dirty="0"/>
          </a:p>
          <a:p>
            <a:r>
              <a:rPr lang="en-GB" dirty="0"/>
              <a:t>Damage Equivalent Load (DEL)</a:t>
            </a:r>
          </a:p>
          <a:p>
            <a:endParaRPr lang="en-GB" dirty="0"/>
          </a:p>
          <a:p>
            <a:r>
              <a:rPr lang="en-GB" dirty="0"/>
              <a:t>Peak Shaving</a:t>
            </a:r>
          </a:p>
          <a:p>
            <a:pPr marL="0" indent="0">
              <a:buNone/>
            </a:pPr>
            <a:endParaRPr lang="en-GB" dirty="0"/>
          </a:p>
          <a:p>
            <a:r>
              <a:rPr lang="en-GB" dirty="0"/>
              <a:t>Advanced Control Topics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959E281-DD81-48DE-B4C0-A6CEC4ECA5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696880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EDB5E2-8228-489B-956B-0EC72BF19C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witching between Regions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9FA708-E735-47F6-A388-B3320786750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6E16CD63-8331-41F0-AA28-580164BF8DA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26913873"/>
              </p:ext>
            </p:extLst>
          </p:nvPr>
        </p:nvGraphicFramePr>
        <p:xfrm>
          <a:off x="1541858" y="1591836"/>
          <a:ext cx="9106695" cy="11125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035565">
                  <a:extLst>
                    <a:ext uri="{9D8B030D-6E8A-4147-A177-3AD203B41FA5}">
                      <a16:colId xmlns:a16="http://schemas.microsoft.com/office/drawing/2014/main" val="2982580599"/>
                    </a:ext>
                  </a:extLst>
                </a:gridCol>
                <a:gridCol w="3035565">
                  <a:extLst>
                    <a:ext uri="{9D8B030D-6E8A-4147-A177-3AD203B41FA5}">
                      <a16:colId xmlns:a16="http://schemas.microsoft.com/office/drawing/2014/main" val="2887201583"/>
                    </a:ext>
                  </a:extLst>
                </a:gridCol>
                <a:gridCol w="3035565">
                  <a:extLst>
                    <a:ext uri="{9D8B030D-6E8A-4147-A177-3AD203B41FA5}">
                      <a16:colId xmlns:a16="http://schemas.microsoft.com/office/drawing/2014/main" val="50280934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gion 2 and Region 2.5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gion 3</a:t>
                      </a:r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924444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Generator Torque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I with limits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onst. </a:t>
                      </a:r>
                      <a:r>
                        <a:rPr lang="en-US" dirty="0" err="1"/>
                        <a:t>Torq</a:t>
                      </a:r>
                      <a:r>
                        <a:rPr lang="en-US" dirty="0"/>
                        <a:t>. or Const. Pow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3073459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itch 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I with limits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I with limit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4683951"/>
                  </a:ext>
                </a:extLst>
              </a:tr>
            </a:tbl>
          </a:graphicData>
        </a:graphic>
      </p:graphicFrame>
      <p:pic>
        <p:nvPicPr>
          <p:cNvPr id="9" name="Picture 8" descr="Chart, line chart&#10;&#10;Description automatically generated">
            <a:extLst>
              <a:ext uri="{FF2B5EF4-FFF2-40B4-BE49-F238E27FC236}">
                <a16:creationId xmlns:a16="http://schemas.microsoft.com/office/drawing/2014/main" id="{13A76010-5E8C-4F99-927A-575A006E6EF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506" y="4274514"/>
            <a:ext cx="4451372" cy="2266686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15989CE5-3284-413B-926A-62BD0B7E6ECD}"/>
              </a:ext>
            </a:extLst>
          </p:cNvPr>
          <p:cNvSpPr txBox="1"/>
          <p:nvPr/>
        </p:nvSpPr>
        <p:spPr>
          <a:xfrm>
            <a:off x="685006" y="2916399"/>
            <a:ext cx="2860527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Generator Torque: PI with limit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FD49FFFA-B2F9-4AC7-959F-C5848897D945}"/>
                  </a:ext>
                </a:extLst>
              </p:cNvPr>
              <p:cNvSpPr txBox="1"/>
              <p:nvPr/>
            </p:nvSpPr>
            <p:spPr>
              <a:xfrm>
                <a:off x="2543387" y="5131094"/>
                <a:ext cx="693972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FD49FFFA-B2F9-4AC7-959F-C5848897D94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543387" y="5131094"/>
                <a:ext cx="693972" cy="270139"/>
              </a:xfrm>
              <a:prstGeom prst="rect">
                <a:avLst/>
              </a:prstGeom>
              <a:blipFill>
                <a:blip r:embed="rId3"/>
                <a:stretch>
                  <a:fillRect l="-4386" b="-25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0EC0E95A-070A-42B8-89C1-21344FC69303}"/>
                  </a:ext>
                </a:extLst>
              </p:cNvPr>
              <p:cNvSpPr txBox="1"/>
              <p:nvPr/>
            </p:nvSpPr>
            <p:spPr>
              <a:xfrm>
                <a:off x="227806" y="3233809"/>
                <a:ext cx="6157006" cy="110985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𝑃𝐼</m:t>
                      </m:r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  <m:r>
                            <a:rPr lang="en-US" b="0" i="0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</m:e>
                      </m:d>
                      <m:r>
                        <a:rPr lang="en-US" b="0" i="0" smtClean="0">
                          <a:latin typeface="Cambria Math" panose="02040503050406030204" pitchFamily="18" charset="0"/>
                        </a:rPr>
                        <m:t>,  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𝑟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{"/>
                          <m:endChr m:val="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eqArr>
                            <m:eqArr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eqArrPr>
                            <m:e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=</m:t>
                              </m:r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𝑚𝑖𝑛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, </m:t>
                              </m:r>
                              <m: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≤</m:t>
                              </m:r>
                              <m:f>
                                <m:f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den>
                              </m:f>
                              <m:d>
                                <m:d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sSub>
                                    <m:sSubPr>
                                      <m:ctrlPr>
                                        <a:rPr lang="en-US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m:rPr>
                                          <m:sty m:val="p"/>
                                        </m:rPr>
                                        <a:rPr lang="en-US" b="0" i="0" smtClean="0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e>
                                    <m:sub>
                                      <m:r>
                                        <a:rPr lang="en-US" b="0" i="1" smtClean="0">
                                          <a:latin typeface="Cambria Math" panose="02040503050406030204" pitchFamily="18" charset="0"/>
                                        </a:rPr>
                                        <m:t>𝑚𝑖𝑛</m:t>
                                      </m:r>
                                    </m:sub>
                                  </m:s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+</m:t>
                                  </m:r>
                                  <m:sSub>
                                    <m:sSubPr>
                                      <m:ctrlPr>
                                        <a:rPr lang="en-US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m:rPr>
                                          <m:sty m:val="p"/>
                                        </m:rPr>
                                        <a:rPr lang="en-US" b="0" i="0" smtClean="0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e>
                                    <m:sub>
                                      <m:r>
                                        <a:rPr lang="en-US" b="0" i="1" smtClean="0">
                                          <a:latin typeface="Cambria Math" panose="02040503050406030204" pitchFamily="18" charset="0"/>
                                        </a:rPr>
                                        <m:t>𝑟𝑎𝑡𝑒𝑑</m:t>
                                      </m:r>
                                    </m:sub>
                                  </m:sSub>
                                </m:e>
                              </m:d>
                            </m:e>
                            <m:e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=</m:t>
                              </m:r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𝑟𝑎𝑡𝑒𝑑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  </m:t>
                              </m:r>
                              <m:r>
                                <m:rPr>
                                  <m:sty m:val="p"/>
                                </m:rPr>
                                <a:rPr lang="en-US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&gt;</m:t>
                              </m:r>
                              <m:f>
                                <m:f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den>
                              </m:f>
                              <m:d>
                                <m:d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sSub>
                                    <m:sSub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m:rPr>
                                          <m:sty m:val="p"/>
                                        </m:rPr>
                                        <a:rPr lang="en-US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e>
                                    <m:sub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𝑚𝑖𝑛</m:t>
                                      </m:r>
                                    </m:sub>
                                  </m:s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+</m:t>
                                  </m:r>
                                  <m:sSub>
                                    <m:sSub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m:rPr>
                                          <m:sty m:val="p"/>
                                        </m:rPr>
                                        <a:rPr lang="en-US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e>
                                    <m:sub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𝑟𝑎𝑡𝑒𝑑</m:t>
                                      </m:r>
                                    </m:sub>
                                  </m:sSub>
                                </m:e>
                              </m:d>
                            </m:e>
                          </m:eqArr>
                        </m:e>
                      </m:d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0EC0E95A-070A-42B8-89C1-21344FC6930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27806" y="3233809"/>
                <a:ext cx="6157006" cy="1109856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3" name="TextBox 12">
            <a:extLst>
              <a:ext uri="{FF2B5EF4-FFF2-40B4-BE49-F238E27FC236}">
                <a16:creationId xmlns:a16="http://schemas.microsoft.com/office/drawing/2014/main" id="{EE46EB24-5C71-4A38-9684-9FA48D42599F}"/>
              </a:ext>
            </a:extLst>
          </p:cNvPr>
          <p:cNvSpPr txBox="1"/>
          <p:nvPr/>
        </p:nvSpPr>
        <p:spPr>
          <a:xfrm>
            <a:off x="6857206" y="2886189"/>
            <a:ext cx="1710405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itch: PI with limits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799D88D-4B75-4013-A34A-9619B5E054CD}"/>
              </a:ext>
            </a:extLst>
          </p:cNvPr>
          <p:cNvCxnSpPr/>
          <p:nvPr/>
        </p:nvCxnSpPr>
        <p:spPr bwMode="auto">
          <a:xfrm>
            <a:off x="6430913" y="2897349"/>
            <a:ext cx="0" cy="3351051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E01A2430-749B-41BC-BDBB-97F0F44018E9}"/>
                  </a:ext>
                </a:extLst>
              </p:cNvPr>
              <p:cNvSpPr txBox="1"/>
              <p:nvPr/>
            </p:nvSpPr>
            <p:spPr>
              <a:xfrm>
                <a:off x="7670442" y="3333293"/>
                <a:ext cx="1965282" cy="5437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Θ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𝑃𝐼</m:t>
                      </m:r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𝑎𝑡𝑒𝑑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br>
                  <a:rPr lang="en-US" b="0" dirty="0">
                    <a:latin typeface="+mn-lt"/>
                  </a:rPr>
                </a:br>
                <a:r>
                  <a:rPr lang="en-US" b="0" dirty="0">
                    <a:latin typeface="+mn-lt"/>
                  </a:rPr>
                  <a:t>s.t.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Θ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𝑚𝑖𝑛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≤</m:t>
                    </m:r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Θ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≤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Θ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𝑚𝑎𝑥</m:t>
                        </m:r>
                      </m:sub>
                    </m:sSub>
                  </m:oMath>
                </a14:m>
                <a:endParaRPr lang="en-US" b="0" dirty="0">
                  <a:latin typeface="+mn-lt"/>
                </a:endParaRPr>
              </a:p>
            </p:txBody>
          </p:sp>
        </mc:Choice>
        <mc:Fallback xmlns="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E01A2430-749B-41BC-BDBB-97F0F44018E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670442" y="3333293"/>
                <a:ext cx="1965282" cy="543739"/>
              </a:xfrm>
              <a:prstGeom prst="rect">
                <a:avLst/>
              </a:prstGeom>
              <a:blipFill>
                <a:blip r:embed="rId5"/>
                <a:stretch>
                  <a:fillRect l="-6192" b="-224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A4847967-67F7-4CBE-8880-BEE35C3F788D}"/>
              </a:ext>
            </a:extLst>
          </p:cNvPr>
          <p:cNvCxnSpPr/>
          <p:nvPr/>
        </p:nvCxnSpPr>
        <p:spPr bwMode="auto">
          <a:xfrm flipV="1">
            <a:off x="7390606" y="4191000"/>
            <a:ext cx="0" cy="205740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E65B49F3-38C4-4A22-874B-4B32FD91F83D}"/>
              </a:ext>
            </a:extLst>
          </p:cNvPr>
          <p:cNvCxnSpPr/>
          <p:nvPr/>
        </p:nvCxnSpPr>
        <p:spPr bwMode="auto">
          <a:xfrm>
            <a:off x="7314406" y="6019800"/>
            <a:ext cx="403860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4" name="Freeform: Shape 23">
            <a:extLst>
              <a:ext uri="{FF2B5EF4-FFF2-40B4-BE49-F238E27FC236}">
                <a16:creationId xmlns:a16="http://schemas.microsoft.com/office/drawing/2014/main" id="{B1FCFAEE-52C0-4DBD-A10C-1DA142BAFF96}"/>
              </a:ext>
            </a:extLst>
          </p:cNvPr>
          <p:cNvSpPr/>
          <p:nvPr/>
        </p:nvSpPr>
        <p:spPr bwMode="auto">
          <a:xfrm>
            <a:off x="7390606" y="5319681"/>
            <a:ext cx="3848100" cy="700119"/>
          </a:xfrm>
          <a:custGeom>
            <a:avLst/>
            <a:gdLst>
              <a:gd name="connsiteX0" fmla="*/ 0 w 3848100"/>
              <a:gd name="connsiteY0" fmla="*/ 0 h 700119"/>
              <a:gd name="connsiteX1" fmla="*/ 733425 w 3848100"/>
              <a:gd name="connsiteY1" fmla="*/ 619125 h 700119"/>
              <a:gd name="connsiteX2" fmla="*/ 2124075 w 3848100"/>
              <a:gd name="connsiteY2" fmla="*/ 695325 h 700119"/>
              <a:gd name="connsiteX3" fmla="*/ 3848100 w 3848100"/>
              <a:gd name="connsiteY3" fmla="*/ 685800 h 7001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848100" h="700119">
                <a:moveTo>
                  <a:pt x="0" y="0"/>
                </a:moveTo>
                <a:cubicBezTo>
                  <a:pt x="189706" y="251619"/>
                  <a:pt x="379413" y="503238"/>
                  <a:pt x="733425" y="619125"/>
                </a:cubicBezTo>
                <a:cubicBezTo>
                  <a:pt x="1087437" y="735012"/>
                  <a:pt x="1604963" y="684213"/>
                  <a:pt x="2124075" y="695325"/>
                </a:cubicBezTo>
                <a:cubicBezTo>
                  <a:pt x="2643187" y="706437"/>
                  <a:pt x="3245643" y="696118"/>
                  <a:pt x="3848100" y="685800"/>
                </a:cubicBezTo>
              </a:path>
            </a:pathLst>
          </a:cu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366BF1E8-5F16-4A36-A030-77595209B882}"/>
                  </a:ext>
                </a:extLst>
              </p:cNvPr>
              <p:cNvSpPr/>
              <p:nvPr/>
            </p:nvSpPr>
            <p:spPr>
              <a:xfrm>
                <a:off x="6704333" y="3907444"/>
                <a:ext cx="692690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Θ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𝑖𝑛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366BF1E8-5F16-4A36-A030-77595209B88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704333" y="3907444"/>
                <a:ext cx="692690" cy="338554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91E1C996-7B9B-4EC6-9AD6-632E9AB7F9B1}"/>
                  </a:ext>
                </a:extLst>
              </p:cNvPr>
              <p:cNvSpPr/>
              <p:nvPr/>
            </p:nvSpPr>
            <p:spPr>
              <a:xfrm>
                <a:off x="11087100" y="6019800"/>
                <a:ext cx="375039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91E1C996-7B9B-4EC6-9AD6-632E9AB7F9B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087100" y="6019800"/>
                <a:ext cx="375039" cy="338554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7" name="TextBox 26">
            <a:extLst>
              <a:ext uri="{FF2B5EF4-FFF2-40B4-BE49-F238E27FC236}">
                <a16:creationId xmlns:a16="http://schemas.microsoft.com/office/drawing/2014/main" id="{42A77F4D-4036-4F7C-9C4F-4064E06AE349}"/>
              </a:ext>
            </a:extLst>
          </p:cNvPr>
          <p:cNvSpPr txBox="1"/>
          <p:nvPr/>
        </p:nvSpPr>
        <p:spPr>
          <a:xfrm>
            <a:off x="9467430" y="5266164"/>
            <a:ext cx="2039020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efined in wpdata.100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o prevent high thrust</a:t>
            </a:r>
            <a:endParaRPr lang="en-GB" dirty="0" err="1">
              <a:latin typeface="+mn-lt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09C33D58-9EB7-4EEC-83C9-113533F324AE}"/>
              </a:ext>
            </a:extLst>
          </p:cNvPr>
          <p:cNvSpPr/>
          <p:nvPr/>
        </p:nvSpPr>
        <p:spPr bwMode="auto">
          <a:xfrm>
            <a:off x="227806" y="5319681"/>
            <a:ext cx="1752600" cy="1109856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2BC0D6D9-DBFF-46C2-A6CB-9BEFEE26BF88}"/>
              </a:ext>
            </a:extLst>
          </p:cNvPr>
          <p:cNvSpPr txBox="1"/>
          <p:nvPr/>
        </p:nvSpPr>
        <p:spPr>
          <a:xfrm>
            <a:off x="4901858" y="6235243"/>
            <a:ext cx="1066796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egion 1.5</a:t>
            </a:r>
            <a:endParaRPr lang="en-GB" dirty="0" err="1">
              <a:latin typeface="+mn-lt"/>
            </a:endParaRPr>
          </a:p>
        </p:txBody>
      </p:sp>
      <p:cxnSp>
        <p:nvCxnSpPr>
          <p:cNvPr id="36" name="Connector: Curved 35">
            <a:extLst>
              <a:ext uri="{FF2B5EF4-FFF2-40B4-BE49-F238E27FC236}">
                <a16:creationId xmlns:a16="http://schemas.microsoft.com/office/drawing/2014/main" id="{E5B2319E-7502-4D1C-8712-FC81FE7FAC62}"/>
              </a:ext>
            </a:extLst>
          </p:cNvPr>
          <p:cNvCxnSpPr>
            <a:stCxn id="30" idx="1"/>
          </p:cNvCxnSpPr>
          <p:nvPr/>
        </p:nvCxnSpPr>
        <p:spPr bwMode="auto">
          <a:xfrm rot="10800000">
            <a:off x="1980406" y="5874610"/>
            <a:ext cx="2921452" cy="483745"/>
          </a:xfrm>
          <a:prstGeom prst="curvedConnector3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78010928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1" grpId="0"/>
      <p:bldP spid="12" grpId="0"/>
      <p:bldP spid="13" grpId="0" animBg="1"/>
      <p:bldP spid="16" grpId="0"/>
      <p:bldP spid="24" grpId="0" animBg="1"/>
      <p:bldP spid="25" grpId="0"/>
      <p:bldP spid="26" grpId="0"/>
      <p:bldP spid="27" grpId="0"/>
      <p:bldP spid="28" grpId="0" animBg="1"/>
      <p:bldP spid="30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E98EAE-3F85-412F-9ACF-5E28E260D4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witching</a:t>
            </a:r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5E1BDB4-5DD6-4916-B1F8-E3FB2DD827F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>
                  <a:lnSpc>
                    <a:spcPct val="150000"/>
                  </a:lnSpc>
                </a:pPr>
                <a:r>
                  <a:rPr lang="en-US" dirty="0"/>
                  <a:t>Switching value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𝜎</m:t>
                    </m:r>
                  </m:oMath>
                </a14:m>
                <a:r>
                  <a:rPr lang="en-US" dirty="0"/>
                  <a:t> between Region 2.5 and Region 3 is dependent on the pitch angle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Θ</m:t>
                    </m:r>
                  </m:oMath>
                </a14:m>
                <a:endParaRPr lang="en-US" dirty="0"/>
              </a:p>
              <a:p>
                <a:pPr lvl="1">
                  <a:lnSpc>
                    <a:spcPct val="150000"/>
                  </a:lnSpc>
                </a:pPr>
                <a:r>
                  <a:rPr lang="en-US" dirty="0"/>
                  <a:t>Pitch angle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Θ</m:t>
                    </m:r>
                  </m:oMath>
                </a14:m>
                <a:r>
                  <a:rPr lang="en-GB" dirty="0"/>
                  <a:t> starts increasing</a:t>
                </a:r>
                <a:r>
                  <a:rPr lang="en-US" dirty="0"/>
                  <a:t> </a:t>
                </a:r>
                <a:r>
                  <a:rPr lang="en-GB" dirty="0"/>
                  <a:t>if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&gt;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𝑟𝑎𝑡𝑒𝑑</m:t>
                        </m:r>
                      </m:sub>
                    </m:sSub>
                  </m:oMath>
                </a14:m>
                <a:endParaRPr lang="en-GB" dirty="0"/>
              </a:p>
              <a:p>
                <a:pPr lvl="1">
                  <a:lnSpc>
                    <a:spcPct val="150000"/>
                  </a:lnSpc>
                </a:pPr>
                <a:r>
                  <a:rPr lang="en-GB" dirty="0"/>
                  <a:t>Generator torque will gradually become Const. </a:t>
                </a:r>
                <a:r>
                  <a:rPr lang="en-GB" dirty="0" err="1"/>
                  <a:t>Torq</a:t>
                </a:r>
                <a:r>
                  <a:rPr lang="en-GB" dirty="0"/>
                  <a:t>. or Const. Pow.</a:t>
                </a:r>
              </a:p>
              <a:p>
                <a:pPr lvl="1">
                  <a:lnSpc>
                    <a:spcPct val="150000"/>
                  </a:lnSpc>
                </a:pPr>
                <a:endParaRPr lang="en-GB" dirty="0"/>
              </a:p>
              <a:p>
                <a:pPr lvl="1">
                  <a:lnSpc>
                    <a:spcPct val="150000"/>
                  </a:lnSpc>
                </a:pPr>
                <a:endParaRPr lang="en-GB" dirty="0"/>
              </a:p>
              <a:p>
                <a:pPr lvl="1"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5E1BDB4-5DD6-4916-B1F8-E3FB2DD827F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B206DAE-2EAE-4948-8905-DB65D76B3B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72C3E1E6-AB62-42E6-BE4F-5C0CD68E857A}"/>
              </a:ext>
            </a:extLst>
          </p:cNvPr>
          <p:cNvSpPr/>
          <p:nvPr/>
        </p:nvSpPr>
        <p:spPr bwMode="auto">
          <a:xfrm>
            <a:off x="8907237" y="4950227"/>
            <a:ext cx="2590799" cy="40289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ee code </a:t>
            </a:r>
            <a:r>
              <a: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_controller.m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1192FEC-923C-463A-BCF1-6F953315F045}"/>
              </a:ext>
            </a:extLst>
          </p:cNvPr>
          <p:cNvGrpSpPr/>
          <p:nvPr/>
        </p:nvGrpSpPr>
        <p:grpSpPr>
          <a:xfrm>
            <a:off x="837406" y="3506527"/>
            <a:ext cx="6398214" cy="2990430"/>
            <a:chOff x="1703892" y="2829235"/>
            <a:chExt cx="6398214" cy="2990430"/>
          </a:xfrm>
        </p:grpSpPr>
        <p:pic>
          <p:nvPicPr>
            <p:cNvPr id="19" name="Picture 18" descr="Chart, line chart&#10;&#10;Description automatically generated">
              <a:extLst>
                <a:ext uri="{FF2B5EF4-FFF2-40B4-BE49-F238E27FC236}">
                  <a16:creationId xmlns:a16="http://schemas.microsoft.com/office/drawing/2014/main" id="{90EDF2FA-BCE5-4901-A3CA-9B68AD3DF159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703892" y="3048000"/>
              <a:ext cx="5849166" cy="2219635"/>
            </a:xfrm>
            <a:prstGeom prst="rect">
              <a:avLst/>
            </a:prstGeom>
          </p:spPr>
        </p:pic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3DF8AC7-9D24-4253-8020-23C259D026B9}"/>
                </a:ext>
              </a:extLst>
            </p:cNvPr>
            <p:cNvCxnSpPr/>
            <p:nvPr/>
          </p:nvCxnSpPr>
          <p:spPr bwMode="auto">
            <a:xfrm>
              <a:off x="6019006" y="3048000"/>
              <a:ext cx="0" cy="243840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lg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2" name="Rectangle 21">
                  <a:extLst>
                    <a:ext uri="{FF2B5EF4-FFF2-40B4-BE49-F238E27FC236}">
                      <a16:creationId xmlns:a16="http://schemas.microsoft.com/office/drawing/2014/main" id="{7CB29B3D-7C39-4A65-9CFE-E3D98FE1540B}"/>
                    </a:ext>
                  </a:extLst>
                </p:cNvPr>
                <p:cNvSpPr/>
                <p:nvPr/>
              </p:nvSpPr>
              <p:spPr>
                <a:xfrm>
                  <a:off x="5333206" y="5481111"/>
                  <a:ext cx="2768900" cy="338554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14:m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Θ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𝑖𝑛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Θ</m:t>
                          </m:r>
                        </m:e>
                        <m:sub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th</m:t>
                          </m:r>
                        </m:sub>
                      </m:sSub>
                    </m:oMath>
                  </a14:m>
                  <a:r>
                    <a:rPr lang="en-GB" dirty="0"/>
                    <a:t>  (user defined)</a:t>
                  </a:r>
                </a:p>
              </p:txBody>
            </p:sp>
          </mc:Choice>
          <mc:Fallback xmlns="">
            <p:sp>
              <p:nvSpPr>
                <p:cNvPr id="22" name="Rectangle 21">
                  <a:extLst>
                    <a:ext uri="{FF2B5EF4-FFF2-40B4-BE49-F238E27FC236}">
                      <a16:creationId xmlns:a16="http://schemas.microsoft.com/office/drawing/2014/main" id="{7CB29B3D-7C39-4A65-9CFE-E3D98FE1540B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5333206" y="5481111"/>
                  <a:ext cx="2768900" cy="338554"/>
                </a:xfrm>
                <a:prstGeom prst="rect">
                  <a:avLst/>
                </a:prstGeom>
                <a:blipFill>
                  <a:blip r:embed="rId4"/>
                  <a:stretch>
                    <a:fillRect t="-5357" r="-441" b="-21429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22120FCB-2F6F-453D-A2F5-4258A64C6D58}"/>
                </a:ext>
              </a:extLst>
            </p:cNvPr>
            <p:cNvCxnSpPr/>
            <p:nvPr/>
          </p:nvCxnSpPr>
          <p:spPr bwMode="auto">
            <a:xfrm>
              <a:off x="3733006" y="2829235"/>
              <a:ext cx="0" cy="243840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lg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4" name="Rectangle 23">
                  <a:extLst>
                    <a:ext uri="{FF2B5EF4-FFF2-40B4-BE49-F238E27FC236}">
                      <a16:creationId xmlns:a16="http://schemas.microsoft.com/office/drawing/2014/main" id="{CDA782BD-3122-4A53-B60B-DDABD25D7B3A}"/>
                    </a:ext>
                  </a:extLst>
                </p:cNvPr>
                <p:cNvSpPr/>
                <p:nvPr/>
              </p:nvSpPr>
              <p:spPr>
                <a:xfrm>
                  <a:off x="2749243" y="5421216"/>
                  <a:ext cx="2156231" cy="338554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14:m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Θ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𝑖𝑛</m:t>
                          </m:r>
                        </m:sub>
                      </m:sSub>
                    </m:oMath>
                  </a14:m>
                  <a:r>
                    <a:rPr lang="en-GB" dirty="0"/>
                    <a:t> (user defined)</a:t>
                  </a:r>
                </a:p>
              </p:txBody>
            </p:sp>
          </mc:Choice>
          <mc:Fallback xmlns="">
            <p:sp>
              <p:nvSpPr>
                <p:cNvPr id="24" name="Rectangle 23">
                  <a:extLst>
                    <a:ext uri="{FF2B5EF4-FFF2-40B4-BE49-F238E27FC236}">
                      <a16:creationId xmlns:a16="http://schemas.microsoft.com/office/drawing/2014/main" id="{CDA782BD-3122-4A53-B60B-DDABD25D7B3A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2749243" y="5421216"/>
                  <a:ext cx="2156231" cy="338554"/>
                </a:xfrm>
                <a:prstGeom prst="rect">
                  <a:avLst/>
                </a:prstGeom>
                <a:blipFill>
                  <a:blip r:embed="rId5"/>
                  <a:stretch>
                    <a:fillRect t="-5357" r="-565" b="-21429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5" name="TextBox 24">
                  <a:extLst>
                    <a:ext uri="{FF2B5EF4-FFF2-40B4-BE49-F238E27FC236}">
                      <a16:creationId xmlns:a16="http://schemas.microsoft.com/office/drawing/2014/main" id="{8DCD6B8C-8C4C-4A91-AA1A-ADB358014912}"/>
                    </a:ext>
                  </a:extLst>
                </p:cNvPr>
                <p:cNvSpPr txBox="1"/>
                <p:nvPr/>
              </p:nvSpPr>
              <p:spPr>
                <a:xfrm>
                  <a:off x="1774726" y="3250816"/>
                  <a:ext cx="412325" cy="246221"/>
                </a:xfrm>
                <a:prstGeom prst="rect">
                  <a:avLst/>
                </a:prstGeom>
                <a:noFill/>
              </p:spPr>
              <p:txBody>
                <a:bodyPr wrap="squar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𝜎</m:t>
                        </m:r>
                      </m:oMath>
                    </m:oMathPara>
                  </a14:m>
                  <a:endParaRPr lang="en-GB" dirty="0" err="1">
                    <a:latin typeface="+mn-lt"/>
                  </a:endParaRPr>
                </a:p>
              </p:txBody>
            </p:sp>
          </mc:Choice>
          <mc:Fallback xmlns="">
            <p:sp>
              <p:nvSpPr>
                <p:cNvPr id="25" name="TextBox 24">
                  <a:extLst>
                    <a:ext uri="{FF2B5EF4-FFF2-40B4-BE49-F238E27FC236}">
                      <a16:creationId xmlns:a16="http://schemas.microsoft.com/office/drawing/2014/main" id="{8DCD6B8C-8C4C-4A91-AA1A-ADB358014912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774726" y="3250816"/>
                  <a:ext cx="412325" cy="246221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42F2659C-72A2-4DDA-82B6-EB4EBCBB71BB}"/>
                  </a:ext>
                </a:extLst>
              </p:cNvPr>
              <p:cNvSpPr/>
              <p:nvPr/>
            </p:nvSpPr>
            <p:spPr>
              <a:xfrm>
                <a:off x="4263812" y="3093106"/>
                <a:ext cx="3174715" cy="35856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−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𝜎</m:t>
                          </m:r>
                        </m:e>
                      </m:d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𝑔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𝑝𝑎𝑟𝑡𝑖𝑎𝑙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𝜎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𝑔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𝑓𝑢𝑙𝑙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42F2659C-72A2-4DDA-82B6-EB4EBCBB71B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263812" y="3093106"/>
                <a:ext cx="3174715" cy="358560"/>
              </a:xfrm>
              <a:prstGeom prst="rect">
                <a:avLst/>
              </a:prstGeom>
              <a:blipFill>
                <a:blip r:embed="rId7"/>
                <a:stretch>
                  <a:fillRect b="-678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03751280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E09616-C123-4EC2-A933-62521551546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ti-wind up in PID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23AF489-BB6D-4A38-B787-2324C629F77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Integral term in PI has a memory of previous error.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How to prevent the integral term goes to infinity? 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Anti-windup strategy.</a:t>
            </a:r>
          </a:p>
          <a:p>
            <a:pPr>
              <a:lnSpc>
                <a:spcPct val="150000"/>
              </a:lnSpc>
            </a:pP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4129E2D-8DBE-4647-A8D1-FE00D734CC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5" name="Picture 4" descr="Text&#10;&#10;Description automatically generated">
            <a:extLst>
              <a:ext uri="{FF2B5EF4-FFF2-40B4-BE49-F238E27FC236}">
                <a16:creationId xmlns:a16="http://schemas.microsoft.com/office/drawing/2014/main" id="{D91E467A-7EAD-4D12-B1DD-725EB4C4370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99806" y="3492316"/>
            <a:ext cx="3029426" cy="2657094"/>
          </a:xfrm>
          <a:prstGeom prst="rect">
            <a:avLst/>
          </a:prstGeom>
        </p:spPr>
      </p:pic>
      <p:grpSp>
        <p:nvGrpSpPr>
          <p:cNvPr id="6" name="Group 5">
            <a:extLst>
              <a:ext uri="{FF2B5EF4-FFF2-40B4-BE49-F238E27FC236}">
                <a16:creationId xmlns:a16="http://schemas.microsoft.com/office/drawing/2014/main" id="{204EAB0E-83D9-4999-A082-669333A4CA9E}"/>
              </a:ext>
            </a:extLst>
          </p:cNvPr>
          <p:cNvGrpSpPr/>
          <p:nvPr/>
        </p:nvGrpSpPr>
        <p:grpSpPr>
          <a:xfrm>
            <a:off x="7401641" y="-30480"/>
            <a:ext cx="4788772" cy="3420301"/>
            <a:chOff x="6114409" y="863473"/>
            <a:chExt cx="6496857" cy="4417295"/>
          </a:xfrm>
        </p:grpSpPr>
        <p:pic>
          <p:nvPicPr>
            <p:cNvPr id="7" name="Picture 2">
              <a:extLst>
                <a:ext uri="{FF2B5EF4-FFF2-40B4-BE49-F238E27FC236}">
                  <a16:creationId xmlns:a16="http://schemas.microsoft.com/office/drawing/2014/main" id="{D82383EA-D176-4FD3-8CE5-5DF4F76A099A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C49CD640-1F84-4484-9B09-43BB94F1CA53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66D0A75B-68CA-4156-B68D-B291F8D0E647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E65CCDF9-7EA3-4D4D-BB26-EAC83F08C51D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3338EFF2-2F44-4053-8F7C-390D3C57C471}"/>
              </a:ext>
            </a:extLst>
          </p:cNvPr>
          <p:cNvSpPr/>
          <p:nvPr/>
        </p:nvSpPr>
        <p:spPr bwMode="auto">
          <a:xfrm>
            <a:off x="8907237" y="4950227"/>
            <a:ext cx="2590799" cy="40289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ee code </a:t>
            </a:r>
            <a:r>
              <a: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_PID_fast.m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8318321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3FA273-FF95-414D-9DB6-10394BDE67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wo methods in Region 2.5</a:t>
            </a:r>
          </a:p>
        </p:txBody>
      </p:sp>
      <p:pic>
        <p:nvPicPr>
          <p:cNvPr id="6" name="Content Placeholder 5" descr="Chart, line chart&#10;&#10;Description automatically generated">
            <a:extLst>
              <a:ext uri="{FF2B5EF4-FFF2-40B4-BE49-F238E27FC236}">
                <a16:creationId xmlns:a16="http://schemas.microsoft.com/office/drawing/2014/main" id="{C225E5D3-77B3-40A4-A403-AA3C53505E1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59146" y="1763445"/>
            <a:ext cx="4817245" cy="3096344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1ACF4A4-FFEB-46E8-8553-EFA91C8BC7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8" name="Picture 7" descr="Chart, line chart&#10;&#10;Description automatically generated">
            <a:extLst>
              <a:ext uri="{FF2B5EF4-FFF2-40B4-BE49-F238E27FC236}">
                <a16:creationId xmlns:a16="http://schemas.microsoft.com/office/drawing/2014/main" id="{81B66F33-E8BD-4149-A588-A1B813FD1B4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408" y="1929225"/>
            <a:ext cx="4451372" cy="2266686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BDA0181E-BD3F-4BEE-A419-EFED3CCC3830}"/>
              </a:ext>
            </a:extLst>
          </p:cNvPr>
          <p:cNvSpPr txBox="1"/>
          <p:nvPr/>
        </p:nvSpPr>
        <p:spPr>
          <a:xfrm>
            <a:off x="1778990" y="1515021"/>
            <a:ext cx="1675139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DTU: PI with limit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779C3B6-91E4-4C23-B2AD-56A253D9E871}"/>
                  </a:ext>
                </a:extLst>
              </p:cNvPr>
              <p:cNvSpPr txBox="1"/>
              <p:nvPr/>
            </p:nvSpPr>
            <p:spPr>
              <a:xfrm>
                <a:off x="2743607" y="2814154"/>
                <a:ext cx="679545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779C3B6-91E4-4C23-B2AD-56A253D9E87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743607" y="2814154"/>
                <a:ext cx="679545" cy="270139"/>
              </a:xfrm>
              <a:prstGeom prst="rect">
                <a:avLst/>
              </a:prstGeom>
              <a:blipFill>
                <a:blip r:embed="rId4"/>
                <a:stretch>
                  <a:fillRect l="-5357" b="-2272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23A86AE1-D9BC-4B73-91B9-5B6C1255A226}"/>
                  </a:ext>
                </a:extLst>
              </p:cNvPr>
              <p:cNvSpPr txBox="1"/>
              <p:nvPr/>
            </p:nvSpPr>
            <p:spPr>
              <a:xfrm>
                <a:off x="9922428" y="3459277"/>
                <a:ext cx="679545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23A86AE1-D9BC-4B73-91B9-5B6C1255A22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922428" y="3459277"/>
                <a:ext cx="679545" cy="270139"/>
              </a:xfrm>
              <a:prstGeom prst="rect">
                <a:avLst/>
              </a:prstGeom>
              <a:blipFill>
                <a:blip r:embed="rId5"/>
                <a:stretch>
                  <a:fillRect l="-6306" r="-901" b="-2222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3" name="Rectangle 12">
            <a:extLst>
              <a:ext uri="{FF2B5EF4-FFF2-40B4-BE49-F238E27FC236}">
                <a16:creationId xmlns:a16="http://schemas.microsoft.com/office/drawing/2014/main" id="{3208809C-C4C5-4FEB-8224-5EEF2CB2344C}"/>
              </a:ext>
            </a:extLst>
          </p:cNvPr>
          <p:cNvSpPr/>
          <p:nvPr/>
        </p:nvSpPr>
        <p:spPr bwMode="auto">
          <a:xfrm>
            <a:off x="3758281" y="1833629"/>
            <a:ext cx="1211012" cy="667545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0CC8DE25-3EEA-4CB6-8FC3-BB962881A168}"/>
              </a:ext>
            </a:extLst>
          </p:cNvPr>
          <p:cNvSpPr txBox="1"/>
          <p:nvPr/>
        </p:nvSpPr>
        <p:spPr>
          <a:xfrm>
            <a:off x="4622377" y="1542892"/>
            <a:ext cx="19396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I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E144533D-020F-4F16-8D26-2629CAD4528C}"/>
                  </a:ext>
                </a:extLst>
              </p:cNvPr>
              <p:cNvSpPr txBox="1"/>
              <p:nvPr/>
            </p:nvSpPr>
            <p:spPr>
              <a:xfrm>
                <a:off x="8603253" y="1666363"/>
                <a:ext cx="2861809" cy="246221"/>
              </a:xfrm>
              <a:prstGeom prst="rect">
                <a:avLst/>
              </a:prstGeom>
            </p:spPr>
            <p:style>
              <a:lnRef idx="2">
                <a:schemeClr val="accent2"/>
              </a:lnRef>
              <a:fillRef idx="1">
                <a:schemeClr val="lt1"/>
              </a:fillRef>
              <a:effectRef idx="0">
                <a:schemeClr val="accent2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dirty="0">
                    <a:latin typeface="+mn-lt"/>
                  </a:rPr>
                  <a:t>NREL: Linear law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.5</m:t>
                        </m:r>
                      </m:sub>
                    </m:sSub>
                    <m:r>
                      <a:rPr lang="en-US" b="0" i="0" smtClean="0">
                        <a:latin typeface="Cambria Math" panose="02040503050406030204" pitchFamily="18" charset="0"/>
                      </a:rPr>
                      <m:t>(</m:t>
                    </m:r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90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GB" dirty="0">
                  <a:latin typeface="+mn-lt"/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E144533D-020F-4F16-8D26-2629CAD4528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03253" y="1666363"/>
                <a:ext cx="2861809" cy="246221"/>
              </a:xfrm>
              <a:prstGeom prst="rect">
                <a:avLst/>
              </a:prstGeom>
              <a:blipFill>
                <a:blip r:embed="rId6"/>
                <a:stretch>
                  <a:fillRect l="-3797" t="-17778" r="-1899" b="-40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Rectangle 15">
            <a:extLst>
              <a:ext uri="{FF2B5EF4-FFF2-40B4-BE49-F238E27FC236}">
                <a16:creationId xmlns:a16="http://schemas.microsoft.com/office/drawing/2014/main" id="{64721003-2279-47A5-81B9-007A8E28D42B}"/>
              </a:ext>
            </a:extLst>
          </p:cNvPr>
          <p:cNvSpPr/>
          <p:nvPr/>
        </p:nvSpPr>
        <p:spPr bwMode="auto">
          <a:xfrm>
            <a:off x="10493961" y="2111158"/>
            <a:ext cx="216024" cy="95141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80A6F6DE-50BC-4240-B1D3-92BCD0C3A4B1}"/>
              </a:ext>
            </a:extLst>
          </p:cNvPr>
          <p:cNvSpPr/>
          <p:nvPr/>
        </p:nvSpPr>
        <p:spPr>
          <a:xfrm>
            <a:off x="498408" y="5868008"/>
            <a:ext cx="10211577" cy="86177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04800" indent="-304800"/>
            <a:r>
              <a:rPr lang="en-US" sz="1000" dirty="0"/>
              <a:t>Hansen, M. H., &amp; Henriksen, L. C. (2013). </a:t>
            </a:r>
            <a:r>
              <a:rPr lang="en-US" sz="1000" i="1" dirty="0"/>
              <a:t>Basic DTU Wind Energy controller</a:t>
            </a:r>
            <a:r>
              <a:rPr lang="en-US" sz="1000" dirty="0"/>
              <a:t>. </a:t>
            </a:r>
            <a:r>
              <a:rPr lang="en-US" sz="1000" i="1" dirty="0"/>
              <a:t>DTU Wind Energy</a:t>
            </a:r>
            <a:r>
              <a:rPr lang="en-US" sz="1000" dirty="0"/>
              <a:t>.</a:t>
            </a:r>
          </a:p>
          <a:p>
            <a:pPr marL="304800" indent="-304800"/>
            <a:r>
              <a:rPr lang="en-US" sz="1000" dirty="0" err="1"/>
              <a:t>Jonkman</a:t>
            </a:r>
            <a:r>
              <a:rPr lang="en-US" sz="1000" dirty="0"/>
              <a:t>, J., Butterfield, S., Musial, W., &amp; Scott, G. (2009). </a:t>
            </a:r>
            <a:r>
              <a:rPr lang="en-US" sz="1000" i="1" dirty="0"/>
              <a:t>Definition of a 5-MW Reference Wind Turbine for Offshore System Development</a:t>
            </a:r>
            <a:r>
              <a:rPr lang="en-US" sz="1000" dirty="0"/>
              <a:t>. Golden, CO. https://doi.org/10.2172/947422</a:t>
            </a:r>
          </a:p>
          <a:p>
            <a:pPr marL="304800" indent="-304800"/>
            <a:endParaRPr lang="en-US" sz="1000" dirty="0">
              <a:effectLst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6275DC26-3BF0-4674-80B7-9E2FDAE7CC5D}"/>
                  </a:ext>
                </a:extLst>
              </p:cNvPr>
              <p:cNvSpPr txBox="1"/>
              <p:nvPr/>
            </p:nvSpPr>
            <p:spPr>
              <a:xfrm>
                <a:off x="8687494" y="5152240"/>
                <a:ext cx="2246384" cy="54547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.5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𝑚𝑎𝑥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90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</m:num>
                        <m:den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9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6275DC26-3BF0-4674-80B7-9E2FDAE7CC5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87494" y="5152240"/>
                <a:ext cx="2246384" cy="545470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3433196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57680393408390","enableDocumentContentUpdater":true,"version":"1.2"}]]></TemplafySlideTemplate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E5957E33-0059-46CE-AE7B-582F67E40B53}">
  <ds:schemaRefs/>
</ds:datastoreItem>
</file>

<file path=customXml/itemProps3.xml><?xml version="1.0" encoding="utf-8"?>
<ds:datastoreItem xmlns:ds="http://schemas.openxmlformats.org/officeDocument/2006/customXml" ds:itemID="{8660AB89-308F-4A34-B01B-CC1A9333F1B1}">
  <ds:schemaRefs/>
</ds:datastoreItem>
</file>

<file path=customXml/itemProps4.xml><?xml version="1.0" encoding="utf-8"?>
<ds:datastoreItem xmlns:ds="http://schemas.openxmlformats.org/officeDocument/2006/customXml" ds:itemID="{1680B9DC-2D51-4402-BB2C-B8DE0C5AC522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775</TotalTime>
  <Words>1718</Words>
  <Application>Microsoft Office PowerPoint</Application>
  <PresentationFormat>Custom</PresentationFormat>
  <Paragraphs>383</Paragraphs>
  <Slides>3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1</vt:i4>
      </vt:variant>
    </vt:vector>
  </HeadingPairs>
  <TitlesOfParts>
    <vt:vector size="39" baseType="lpstr">
      <vt:lpstr>Roboto</vt:lpstr>
      <vt:lpstr>Arial</vt:lpstr>
      <vt:lpstr>Arial Rounded MT Bold</vt:lpstr>
      <vt:lpstr>Calibri</vt:lpstr>
      <vt:lpstr>Cambria Math</vt:lpstr>
      <vt:lpstr>Courier New</vt:lpstr>
      <vt:lpstr>Verdana</vt:lpstr>
      <vt:lpstr>Blank</vt:lpstr>
      <vt:lpstr>PowerPoint Presentation</vt:lpstr>
      <vt:lpstr>Introduction to Supervisory control, advanced control topics and DTU Wind Energy Controller </vt:lpstr>
      <vt:lpstr>Re-cap</vt:lpstr>
      <vt:lpstr>Re-cap</vt:lpstr>
      <vt:lpstr>Learning Objective</vt:lpstr>
      <vt:lpstr>Switching between Regions</vt:lpstr>
      <vt:lpstr>Switching</vt:lpstr>
      <vt:lpstr>Anti-wind up in PID</vt:lpstr>
      <vt:lpstr>Two methods in Region 2.5</vt:lpstr>
      <vt:lpstr>Exercise: Transition Strategy</vt:lpstr>
      <vt:lpstr>Exercise: Transition Strategy</vt:lpstr>
      <vt:lpstr>Torque Limit</vt:lpstr>
      <vt:lpstr>Torque Limit: Step wind</vt:lpstr>
      <vt:lpstr>Exercise: Torque Limit</vt:lpstr>
      <vt:lpstr>Start-up and shut-down</vt:lpstr>
      <vt:lpstr>Damage Equivalent Loads (DEL): Quantifying damage</vt:lpstr>
      <vt:lpstr>Damage Equivalent Loads (DEL): Cycles and damage</vt:lpstr>
      <vt:lpstr>But how to apply this to a real signal?</vt:lpstr>
      <vt:lpstr>Rainflow counting </vt:lpstr>
      <vt:lpstr>DEL: Rainflow counting algorithm</vt:lpstr>
      <vt:lpstr>DEL: Rainflow counting algorithm</vt:lpstr>
      <vt:lpstr>DEL: calculating the damage</vt:lpstr>
      <vt:lpstr>Exercise: DEL</vt:lpstr>
      <vt:lpstr>Answer</vt:lpstr>
      <vt:lpstr>Peak shaving</vt:lpstr>
      <vt:lpstr>Exercise: Peak shaving</vt:lpstr>
      <vt:lpstr>Exercise: Peak shaving</vt:lpstr>
      <vt:lpstr>Advanced Control topics: Control of tower fore-aft vibration</vt:lpstr>
      <vt:lpstr>Advanced Control topics: Control of drive-train torsional vibration</vt:lpstr>
      <vt:lpstr>Advanced Control topics: Individual Pitch Control</vt:lpstr>
      <vt:lpstr>Summar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lan Wai Hou Lio</dc:creator>
  <cp:lastModifiedBy>Alan Wai Hou Lio</cp:lastModifiedBy>
  <cp:revision>56</cp:revision>
  <dcterms:created xsi:type="dcterms:W3CDTF">2021-06-11T20:09:55Z</dcterms:created>
  <dcterms:modified xsi:type="dcterms:W3CDTF">2021-07-06T11:42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